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W:\03_決算国費G\K 決算関係（H31)\K01 決算・決特（H31）\04 決算の調整【資料１・２】\30年度決算\12_HPでの公開\Excel版原稿\1127時点で完成したエクセル版\"/>
    </mc:Choice>
  </mc:AlternateContent>
  <bookViews>
    <workbookView xWindow="0" yWindow="0" windowWidth="20490" windowHeight="7755"/>
  </bookViews>
  <sheets>
    <sheet name="市町村自治振興事業会計（歳入）" sheetId="2" r:id="rId1"/>
    <sheet name="市町村自治振興事業会計（歳出）" sheetId="19" r:id="rId2"/>
    <sheet name="公債管理特別会計（歳入）" sheetId="3" r:id="rId3"/>
    <sheet name="公債管理特別会計（歳出）" sheetId="20" r:id="rId4"/>
    <sheet name="公営競技収益配分金等管理会計（歳入）" sheetId="4" r:id="rId5"/>
    <sheet name="公営競技収益配分金等管理会計（歳出）" sheetId="21" r:id="rId6"/>
    <sheet name="地方消費税清算会計（歳入）" sheetId="5" r:id="rId7"/>
    <sheet name="地方消費税清算会計（歳出）" sheetId="22" r:id="rId8"/>
    <sheet name="災害救助基金会計（歳入）" sheetId="6" r:id="rId9"/>
    <sheet name="災害救助基金会計（歳出）" sheetId="23" r:id="rId10"/>
    <sheet name="農業改良資金会計（歳入）" sheetId="7" r:id="rId11"/>
    <sheet name="農業改良資金会計（歳出）" sheetId="24" r:id="rId12"/>
    <sheet name="恩賜記念林業振興資金会計（歳入）" sheetId="8" r:id="rId13"/>
    <sheet name="恩賜記念林業振興資金会計（歳出）" sheetId="25" r:id="rId14"/>
    <sheet name="林業改善資金会計(歳入）" sheetId="9" r:id="rId15"/>
    <sheet name="林業改善資金会計（歳出）" sheetId="26" r:id="rId16"/>
    <sheet name="水源環境保全・再生事業会計（歳入）" sheetId="10" r:id="rId17"/>
    <sheet name="水源環境保全・再生事業会計（歳出）" sheetId="27" r:id="rId18"/>
    <sheet name="沿岸漁業改善資金会計(歳入）" sheetId="11" r:id="rId19"/>
    <sheet name="沿岸漁業改善資金会計（歳出）" sheetId="28" r:id="rId20"/>
    <sheet name="介護保険財政安定化基金会計(歳入）" sheetId="12" r:id="rId21"/>
    <sheet name="介護保険財政安定化基金会計（歳出）" sheetId="29" r:id="rId22"/>
    <sheet name="母子父子寡婦福祉資金会計（歳入）" sheetId="13" r:id="rId23"/>
    <sheet name="母子父子寡婦福祉資金会計(歳出）" sheetId="30" r:id="rId24"/>
    <sheet name="国民健康保険事業会計(歳入）" sheetId="14" r:id="rId25"/>
    <sheet name="国民健康保険事業会計（歳出）" sheetId="31" r:id="rId26"/>
    <sheet name="神奈川県立病院機構資資金会計（歳入）" sheetId="15" r:id="rId27"/>
    <sheet name="神奈川県立病院機構資金会計（歳出）" sheetId="32" r:id="rId28"/>
    <sheet name="中小企業資金会計(歳入）" sheetId="16" r:id="rId29"/>
    <sheet name="中小企業資金会計（歳出）" sheetId="33" r:id="rId30"/>
    <sheet name="流域下水道事業会計(歳入）" sheetId="17" r:id="rId31"/>
    <sheet name="流域下水道事業会計（歳出）" sheetId="34" r:id="rId32"/>
    <sheet name="県営住宅管理事業会計(歳入）" sheetId="18" r:id="rId33"/>
    <sheet name="県営住宅管理事業会計(歳出）" sheetId="35" r:id="rId34"/>
  </sheets>
  <externalReferences>
    <externalReference r:id="rId35"/>
    <externalReference r:id="rId36"/>
  </externalReferences>
  <definedNames>
    <definedName name="Def1_行数_横">[1]Def1_歳入明細書!$AZ$6:$AZ$9</definedName>
    <definedName name="Def1_行数_縦">[1]Def1_歳入明細書!$AZ$25:$AZ$28</definedName>
    <definedName name="Def2_行数_横">[1]Def2_歳入明細書!$AX$6:$AX$9</definedName>
    <definedName name="Def2_行数_縦">[1]Def2_歳入明細書!$AX$25:$AX$28</definedName>
    <definedName name="Def3_行数_横">[1]Def3_歳入明細書!$AX$6:$AX$9</definedName>
    <definedName name="Def3_行数_縦">[1]Def3_歳入明細書!$AX$25:$AX$28</definedName>
    <definedName name="Def4_行数_横">[1]Def4_歳入明細書!$AX$6:$AX$9</definedName>
    <definedName name="Def4_行数_縦">[1]Def4_歳入明細書!$AX$25:$AX$28</definedName>
    <definedName name="Def5_行数_横">[1]Def5_歳入明細書!$AX$6:$AX$9</definedName>
    <definedName name="Def5_行数_縦">[1]Def5_歳入明細書!$AX$25:$AX$28</definedName>
    <definedName name="Def6_行数_横">[1]Def6_歳入明細書!$AX$6:$AX$9</definedName>
    <definedName name="Def6_行数_縦">[1]Def6_歳入明細書!$AX$25:$AX$28</definedName>
    <definedName name="Def7_行数_横">[1]Def7_歳入明細書!$AX$6:$AX$9</definedName>
    <definedName name="Def7_行数_縦">[1]Def7_歳入明細書!$AX$25:$AX$28</definedName>
    <definedName name="Def8_行数_横">[1]Def8_歳入明細書!$AX$6:$AX$9</definedName>
    <definedName name="Def8_行数_縦">[1]Def8_歳入明細書!$AX$25:$AX$28</definedName>
    <definedName name="Def9_行数_横">[1]Def9_歳入明細書!$AX$6:$AX$9</definedName>
    <definedName name="Def9_行数_縦">[1]Def9_歳入明細書!$AX$25:$AX$28</definedName>
    <definedName name="kaikei">"AutoShape 4"</definedName>
    <definedName name="Par_その他名称" localSheetId="19">[2]Par_パラメタ!#REF!</definedName>
    <definedName name="Par_その他名称" localSheetId="13">[2]Par_パラメタ!#REF!</definedName>
    <definedName name="Par_その他名称" localSheetId="21">[2]Par_パラメタ!#REF!</definedName>
    <definedName name="Par_その他名称" localSheetId="33">[2]Par_パラメタ!#REF!</definedName>
    <definedName name="Par_その他名称" localSheetId="5">[2]Par_パラメタ!#REF!</definedName>
    <definedName name="Par_その他名称" localSheetId="3">[2]Par_パラメタ!#REF!</definedName>
    <definedName name="Par_その他名称" localSheetId="25">[2]Par_パラメタ!#REF!</definedName>
    <definedName name="Par_その他名称" localSheetId="9">[2]Par_パラメタ!#REF!</definedName>
    <definedName name="Par_その他名称" localSheetId="1">[2]Par_パラメタ!#REF!</definedName>
    <definedName name="Par_その他名称" localSheetId="27">[2]Par_パラメタ!#REF!</definedName>
    <definedName name="Par_その他名称" localSheetId="17">[2]Par_パラメタ!#REF!</definedName>
    <definedName name="Par_その他名称" localSheetId="7">[2]Par_パラメタ!#REF!</definedName>
    <definedName name="Par_その他名称" localSheetId="29">[2]Par_パラメタ!#REF!</definedName>
    <definedName name="Par_その他名称" localSheetId="11">[2]Par_パラメタ!#REF!</definedName>
    <definedName name="Par_その他名称" localSheetId="23">[2]Par_パラメタ!#REF!</definedName>
    <definedName name="Par_その他名称" localSheetId="31">[2]Par_パラメタ!#REF!</definedName>
    <definedName name="Par_その他名称" localSheetId="15">[2]Par_パラメタ!#REF!</definedName>
    <definedName name="Par_その他名称">[1]Par_パラメタ!#REF!</definedName>
    <definedName name="Par_一般名称" localSheetId="19">[2]Par_パラメタ!#REF!</definedName>
    <definedName name="Par_一般名称" localSheetId="13">[2]Par_パラメタ!#REF!</definedName>
    <definedName name="Par_一般名称" localSheetId="21">[2]Par_パラメタ!#REF!</definedName>
    <definedName name="Par_一般名称" localSheetId="33">[2]Par_パラメタ!#REF!</definedName>
    <definedName name="Par_一般名称" localSheetId="5">[2]Par_パラメタ!#REF!</definedName>
    <definedName name="Par_一般名称" localSheetId="3">[2]Par_パラメタ!#REF!</definedName>
    <definedName name="Par_一般名称" localSheetId="25">[2]Par_パラメタ!#REF!</definedName>
    <definedName name="Par_一般名称" localSheetId="9">[2]Par_パラメタ!#REF!</definedName>
    <definedName name="Par_一般名称" localSheetId="1">[2]Par_パラメタ!#REF!</definedName>
    <definedName name="Par_一般名称" localSheetId="27">[2]Par_パラメタ!#REF!</definedName>
    <definedName name="Par_一般名称" localSheetId="17">[2]Par_パラメタ!#REF!</definedName>
    <definedName name="Par_一般名称" localSheetId="7">[2]Par_パラメタ!#REF!</definedName>
    <definedName name="Par_一般名称" localSheetId="29">[2]Par_パラメタ!#REF!</definedName>
    <definedName name="Par_一般名称" localSheetId="11">[2]Par_パラメタ!#REF!</definedName>
    <definedName name="Par_一般名称" localSheetId="23">[2]Par_パラメタ!#REF!</definedName>
    <definedName name="Par_一般名称" localSheetId="31">[2]Par_パラメタ!#REF!</definedName>
    <definedName name="Par_一般名称" localSheetId="15">[2]Par_パラメタ!#REF!</definedName>
    <definedName name="Par_一般名称">[1]Par_パラメタ!#REF!</definedName>
    <definedName name="Par_行数">[1]Par_パラメタ!$S$25:$T$28</definedName>
    <definedName name="Par_行数Foot">[1]Par_パラメタ!$S$29</definedName>
    <definedName name="_xlnm.Print_Area" localSheetId="19">'沿岸漁業改善資金会計（歳出）'!$A$1:$AO$86</definedName>
    <definedName name="_xlnm.Print_Area" localSheetId="18">'沿岸漁業改善資金会計(歳入）'!$A$1:$AM$88</definedName>
    <definedName name="_xlnm.Print_Area" localSheetId="13">'恩賜記念林業振興資金会計（歳出）'!$A$1:$AO$86</definedName>
    <definedName name="_xlnm.Print_Area" localSheetId="12">'恩賜記念林業振興資金会計（歳入）'!$A$1:$AM$88</definedName>
    <definedName name="_xlnm.Print_Area" localSheetId="21">'介護保険財政安定化基金会計（歳出）'!$A$1:$AO$86</definedName>
    <definedName name="_xlnm.Print_Area" localSheetId="20">'介護保険財政安定化基金会計(歳入）'!$A$1:$AM$88</definedName>
    <definedName name="_xlnm.Print_Area" localSheetId="33">'県営住宅管理事業会計(歳出）'!$A$1:$AO$172</definedName>
    <definedName name="_xlnm.Print_Area" localSheetId="32">'県営住宅管理事業会計(歳入）'!$A$1:$AM$176</definedName>
    <definedName name="_xlnm.Print_Area" localSheetId="5">'公営競技収益配分金等管理会計（歳出）'!$A$1:$AO$86</definedName>
    <definedName name="_xlnm.Print_Area" localSheetId="4">'公営競技収益配分金等管理会計（歳入）'!$A$1:$AM$85</definedName>
    <definedName name="_xlnm.Print_Area" localSheetId="3">'公債管理特別会計（歳出）'!$A$1:$AO$86</definedName>
    <definedName name="_xlnm.Print_Area" localSheetId="2">'公債管理特別会計（歳入）'!$A$1:$AM$85</definedName>
    <definedName name="_xlnm.Print_Area" localSheetId="25">'国民健康保険事業会計（歳出）'!$A$1:$AO$86</definedName>
    <definedName name="_xlnm.Print_Area" localSheetId="24">'国民健康保険事業会計(歳入）'!$A$1:$AM$176</definedName>
    <definedName name="_xlnm.Print_Area" localSheetId="9">'災害救助基金会計（歳出）'!$A$1:$AO$86</definedName>
    <definedName name="_xlnm.Print_Area" localSheetId="8">'災害救助基金会計（歳入）'!$A$1:$AM$88</definedName>
    <definedName name="_xlnm.Print_Area" localSheetId="1">'市町村自治振興事業会計（歳出）'!$A$1:$AO$86</definedName>
    <definedName name="_xlnm.Print_Area" localSheetId="0">'市町村自治振興事業会計（歳入）'!$A$1:$AM$85</definedName>
    <definedName name="_xlnm.Print_Area" localSheetId="27">'神奈川県立病院機構資金会計（歳出）'!$A$1:$AO$86</definedName>
    <definedName name="_xlnm.Print_Area" localSheetId="26">'神奈川県立病院機構資資金会計（歳入）'!$A$1:$AM$88</definedName>
    <definedName name="_xlnm.Print_Area" localSheetId="17">'水源環境保全・再生事業会計（歳出）'!$A$1:$AO$258</definedName>
    <definedName name="_xlnm.Print_Area" localSheetId="16">'水源環境保全・再生事業会計（歳入）'!$A$1:$AM$88</definedName>
    <definedName name="_xlnm.Print_Area" localSheetId="7">'地方消費税清算会計（歳出）'!$A$1:$AO$86</definedName>
    <definedName name="_xlnm.Print_Area" localSheetId="6">'地方消費税清算会計（歳入）'!$A$1:$AM$85</definedName>
    <definedName name="_xlnm.Print_Area" localSheetId="29">'中小企業資金会計（歳出）'!$A$1:$AO$172</definedName>
    <definedName name="_xlnm.Print_Area" localSheetId="28">'中小企業資金会計(歳入）'!$A$1:$AM$88</definedName>
    <definedName name="_xlnm.Print_Area" localSheetId="11">'農業改良資金会計（歳出）'!$A$1:$AO$86</definedName>
    <definedName name="_xlnm.Print_Area" localSheetId="10">'農業改良資金会計（歳入）'!$A$1:$AM$88</definedName>
    <definedName name="_xlnm.Print_Area" localSheetId="23">'母子父子寡婦福祉資金会計(歳出）'!$A$1:$AO$86</definedName>
    <definedName name="_xlnm.Print_Area" localSheetId="22">'母子父子寡婦福祉資金会計（歳入）'!$A$1:$AM$88</definedName>
    <definedName name="_xlnm.Print_Area" localSheetId="31">'流域下水道事業会計（歳出）'!$A$1:$AO$170</definedName>
    <definedName name="_xlnm.Print_Area" localSheetId="30">'流域下水道事業会計(歳入）'!$A$1:$AM$88</definedName>
    <definedName name="_xlnm.Print_Area" localSheetId="15">'林業改善資金会計（歳出）'!$A$1:$AO$86</definedName>
    <definedName name="_xlnm.Print_Area" localSheetId="14">'林業改善資金会計(歳入）'!$A$1:$AM$8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33" uniqueCount="1394">
  <si>
    <t>歳　　入</t>
    <rPh sb="0" eb="1">
      <t>トシ</t>
    </rPh>
    <rPh sb="3" eb="4">
      <t>ニュウ</t>
    </rPh>
    <phoneticPr fontId="5"/>
  </si>
  <si>
    <t/>
  </si>
  <si>
    <t>款</t>
    <rPh sb="0" eb="1">
      <t>カン</t>
    </rPh>
    <phoneticPr fontId="5"/>
  </si>
  <si>
    <t>項</t>
    <rPh sb="0" eb="1">
      <t>コウ</t>
    </rPh>
    <phoneticPr fontId="5"/>
  </si>
  <si>
    <t>目</t>
    <rPh sb="0" eb="1">
      <t>モク</t>
    </rPh>
    <phoneticPr fontId="5"/>
  </si>
  <si>
    <t>予算現額</t>
    <rPh sb="0" eb="2">
      <t>ヨサン</t>
    </rPh>
    <rPh sb="2" eb="3">
      <t>ゲン</t>
    </rPh>
    <rPh sb="3" eb="4">
      <t>ガク</t>
    </rPh>
    <phoneticPr fontId="5"/>
  </si>
  <si>
    <t>調定額</t>
    <rPh sb="0" eb="3">
      <t>チョウテイガク</t>
    </rPh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不納欠損額</t>
    <phoneticPr fontId="5"/>
  </si>
  <si>
    <t>収入未済額</t>
    <rPh sb="0" eb="2">
      <t>シュウニュウ</t>
    </rPh>
    <rPh sb="2" eb="4">
      <t>ミサイ</t>
    </rPh>
    <rPh sb="4" eb="5">
      <t>ガク</t>
    </rPh>
    <phoneticPr fontId="5"/>
  </si>
  <si>
    <t>備考</t>
    <rPh sb="0" eb="2">
      <t>ビコウ</t>
    </rPh>
    <phoneticPr fontId="5"/>
  </si>
  <si>
    <t>当初予算額</t>
    <rPh sb="0" eb="2">
      <t>トウショ</t>
    </rPh>
    <rPh sb="2" eb="5">
      <t>ヨサンガク</t>
    </rPh>
    <phoneticPr fontId="5"/>
  </si>
  <si>
    <t>補正予算額</t>
    <rPh sb="0" eb="2">
      <t>ホセイ</t>
    </rPh>
    <rPh sb="2" eb="5">
      <t>ヨサンガク</t>
    </rPh>
    <phoneticPr fontId="5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5"/>
  </si>
  <si>
    <t>計</t>
    <rPh sb="0" eb="1">
      <t>ケイ</t>
    </rPh>
    <phoneticPr fontId="5"/>
  </si>
  <si>
    <t>節</t>
    <rPh sb="0" eb="1">
      <t>セツ</t>
    </rPh>
    <phoneticPr fontId="5"/>
  </si>
  <si>
    <t>区分</t>
    <rPh sb="0" eb="2">
      <t>クブン</t>
    </rPh>
    <phoneticPr fontId="5"/>
  </si>
  <si>
    <t>金額</t>
    <rPh sb="0" eb="2">
      <t>キンガク</t>
    </rPh>
    <phoneticPr fontId="5"/>
  </si>
  <si>
    <t>円</t>
    <rPh sb="0" eb="1">
      <t>エン</t>
    </rPh>
    <phoneticPr fontId="5"/>
  </si>
  <si>
    <t>歳入合計</t>
    <rPh sb="0" eb="2">
      <t>サイニュウ</t>
    </rPh>
    <rPh sb="2" eb="4">
      <t>ゴウケイ</t>
    </rPh>
    <phoneticPr fontId="5"/>
  </si>
  <si>
    <t>不納欠損額</t>
    <phoneticPr fontId="5"/>
  </si>
  <si>
    <t xml:space="preserve"> 1</t>
  </si>
  <si>
    <t>0</t>
  </si>
  <si>
    <t>△</t>
  </si>
  <si>
    <t>現年課税分</t>
  </si>
  <si>
    <t xml:space="preserve"> 2</t>
  </si>
  <si>
    <t xml:space="preserve"> 3</t>
  </si>
  <si>
    <t>322,879,625,000</t>
  </si>
  <si>
    <t>239,238,000</t>
  </si>
  <si>
    <t>322,640,387,000</t>
  </si>
  <si>
    <t>322,032,911,330</t>
  </si>
  <si>
    <t xml:space="preserve"> 4</t>
  </si>
  <si>
    <t xml:space="preserve"> 5</t>
  </si>
  <si>
    <t>不納欠損額</t>
    <phoneticPr fontId="5"/>
  </si>
  <si>
    <t xml:space="preserve"> 6</t>
  </si>
  <si>
    <t xml:space="preserve"> 7</t>
  </si>
  <si>
    <t xml:space="preserve"> 8</t>
  </si>
  <si>
    <t xml:space="preserve"> 9</t>
  </si>
  <si>
    <t>1,000</t>
  </si>
  <si>
    <t>11</t>
  </si>
  <si>
    <t>12</t>
  </si>
  <si>
    <t>不納欠損額</t>
    <phoneticPr fontId="5"/>
  </si>
  <si>
    <t>繰越明許額</t>
  </si>
  <si>
    <t>負担金</t>
  </si>
  <si>
    <t>不納欠損額</t>
    <phoneticPr fontId="5"/>
  </si>
  <si>
    <t>使用料</t>
  </si>
  <si>
    <t>16,000</t>
  </si>
  <si>
    <t>50,000</t>
  </si>
  <si>
    <t>不納欠損額</t>
    <phoneticPr fontId="5"/>
  </si>
  <si>
    <t>国庫支出金</t>
  </si>
  <si>
    <t>国庫負担金</t>
  </si>
  <si>
    <t>国庫補助金</t>
  </si>
  <si>
    <t>財産収入</t>
  </si>
  <si>
    <t>財産運用収入</t>
  </si>
  <si>
    <t>財産貸付収入</t>
  </si>
  <si>
    <t>基金運用利子</t>
  </si>
  <si>
    <t>財産売払収入</t>
  </si>
  <si>
    <t>寄附金</t>
  </si>
  <si>
    <t>300,000</t>
  </si>
  <si>
    <t>2,000,000</t>
  </si>
  <si>
    <t>118,000</t>
  </si>
  <si>
    <t>318,000</t>
  </si>
  <si>
    <t>4,000,000</t>
  </si>
  <si>
    <t>1,000,000</t>
  </si>
  <si>
    <t>500,000</t>
  </si>
  <si>
    <t>110,000</t>
  </si>
  <si>
    <t>繰入金</t>
  </si>
  <si>
    <t>150,000,000</t>
  </si>
  <si>
    <t>8,111,000</t>
  </si>
  <si>
    <t>109,525,000</t>
  </si>
  <si>
    <t>117,636,000</t>
  </si>
  <si>
    <t>103,558,632</t>
  </si>
  <si>
    <t>2,184,698,000</t>
  </si>
  <si>
    <t>86,531,000</t>
  </si>
  <si>
    <t>2,098,167,000</t>
  </si>
  <si>
    <t>2,098,048,277</t>
  </si>
  <si>
    <t>9,044,000</t>
  </si>
  <si>
    <t>50,212,000</t>
  </si>
  <si>
    <t>基金繰入金</t>
  </si>
  <si>
    <t>13</t>
  </si>
  <si>
    <t>繰越金</t>
  </si>
  <si>
    <t>20,767,000</t>
  </si>
  <si>
    <t>諸収入</t>
  </si>
  <si>
    <t>預金利子</t>
  </si>
  <si>
    <t>負担交付収入</t>
  </si>
  <si>
    <t>事業収入</t>
  </si>
  <si>
    <t>60,000</t>
  </si>
  <si>
    <t>120,000</t>
  </si>
  <si>
    <t>200,000</t>
  </si>
  <si>
    <t>800,000</t>
  </si>
  <si>
    <t>130,000</t>
  </si>
  <si>
    <t>2,601,000</t>
  </si>
  <si>
    <t>立替収入</t>
  </si>
  <si>
    <t>635,000</t>
  </si>
  <si>
    <t>179,000</t>
  </si>
  <si>
    <t>79,000</t>
  </si>
  <si>
    <t>245,000</t>
  </si>
  <si>
    <t>3,000</t>
  </si>
  <si>
    <t>10,000</t>
  </si>
  <si>
    <t>雑入</t>
  </si>
  <si>
    <t>14</t>
  </si>
  <si>
    <t>県債</t>
  </si>
  <si>
    <t>平成30年度神奈川県市町村自治振</t>
  </si>
  <si>
    <t>興事業会計歳入歳出決算事項別明細</t>
  </si>
  <si>
    <t>281,300,000円</t>
  </si>
  <si>
    <t>8,685,697,000</t>
  </si>
  <si>
    <t>650,400,000</t>
  </si>
  <si>
    <t>9,336,097,000</t>
  </si>
  <si>
    <t>9,623,010,831</t>
  </si>
  <si>
    <t>貸付金収入</t>
  </si>
  <si>
    <t>6,155,004,000</t>
  </si>
  <si>
    <t>6,192,382,642</t>
  </si>
  <si>
    <t>貸付金返納</t>
  </si>
  <si>
    <t>2,290,083,000</t>
  </si>
  <si>
    <t>2,276,610,120</t>
  </si>
  <si>
    <t>2,140,083,000</t>
  </si>
  <si>
    <t>2,126,610,120</t>
  </si>
  <si>
    <t>1,493,650,000</t>
  </si>
  <si>
    <t>646,433,000</t>
  </si>
  <si>
    <t>632,960,120</t>
  </si>
  <si>
    <t>240,110,000</t>
  </si>
  <si>
    <t>890,510,000</t>
  </si>
  <si>
    <t>1,151,303,230</t>
  </si>
  <si>
    <t>2,714,839</t>
  </si>
  <si>
    <t>8,839</t>
  </si>
  <si>
    <t>特別会計歳入歳出決算事項別明細書</t>
  </si>
  <si>
    <t>公債管理収入</t>
  </si>
  <si>
    <t>634,409,181,000</t>
  </si>
  <si>
    <t>4,969,747,000</t>
  </si>
  <si>
    <t>629,439,434,000</t>
  </si>
  <si>
    <t>629,382,512,817</t>
  </si>
  <si>
    <t>6,694,678,000</t>
  </si>
  <si>
    <t>172,611,000</t>
  </si>
  <si>
    <t>6,522,067,000</t>
  </si>
  <si>
    <t>6,521,454,991</t>
  </si>
  <si>
    <t>430,814,503,000</t>
  </si>
  <si>
    <t>4,797,136,000</t>
  </si>
  <si>
    <t>426,017,367,000</t>
  </si>
  <si>
    <t>425,961,057,826</t>
  </si>
  <si>
    <t>289,994,990,000</t>
  </si>
  <si>
    <t>4,484,365,000</t>
  </si>
  <si>
    <t>285,510,625,000</t>
  </si>
  <si>
    <t>285,457,737,185</t>
  </si>
  <si>
    <t>16,090,903,000</t>
  </si>
  <si>
    <t>140,160,000</t>
  </si>
  <si>
    <t>15,950,743,000</t>
  </si>
  <si>
    <t>15,947,934,450</t>
  </si>
  <si>
    <t>128,385,000</t>
  </si>
  <si>
    <t>128,384,058</t>
  </si>
  <si>
    <t>3,761,008,000</t>
  </si>
  <si>
    <t>3,761,007,901</t>
  </si>
  <si>
    <t>3,178,703,000</t>
  </si>
  <si>
    <t>3,177,398,378</t>
  </si>
  <si>
    <t>8,882,647,000</t>
  </si>
  <si>
    <t>8,881,144,113</t>
  </si>
  <si>
    <t>124,728,610,000</t>
  </si>
  <si>
    <t>124,555,999,000</t>
  </si>
  <si>
    <t>124,555,386,191</t>
  </si>
  <si>
    <t>196,900,000,000</t>
  </si>
  <si>
    <t>借替債</t>
  </si>
  <si>
    <t>192,975,000,000</t>
  </si>
  <si>
    <t>166,000,000</t>
  </si>
  <si>
    <t>3,759,000,000</t>
  </si>
  <si>
    <t>平成30年度神奈川県公営競技収益配分</t>
  </si>
  <si>
    <t>金等管理会計歳入歳出決算事項別明細書</t>
  </si>
  <si>
    <t>311,000,000</t>
  </si>
  <si>
    <t>317,879,707</t>
  </si>
  <si>
    <t>300,000,000</t>
  </si>
  <si>
    <t>11,000,000</t>
  </si>
  <si>
    <t>17,879,608</t>
  </si>
  <si>
    <t>99</t>
  </si>
  <si>
    <t>清算会計歳入歳出決算事項別明細書</t>
  </si>
  <si>
    <t>592,627,242,000</t>
  </si>
  <si>
    <t>3,598,734,000</t>
  </si>
  <si>
    <t>589,028,508,000</t>
  </si>
  <si>
    <t>588,420,992,035</t>
  </si>
  <si>
    <t>289,964,333,000</t>
  </si>
  <si>
    <t>2,140,805,000</t>
  </si>
  <si>
    <t>287,823,528,000</t>
  </si>
  <si>
    <t>287,216,330,899</t>
  </si>
  <si>
    <t>譲渡割</t>
  </si>
  <si>
    <t>153,212,649,000</t>
  </si>
  <si>
    <t>19,768,686,000</t>
  </si>
  <si>
    <t>133,443,963,000</t>
  </si>
  <si>
    <t>132,726,238,873</t>
  </si>
  <si>
    <t>貨物割</t>
  </si>
  <si>
    <t>136,751,684,000</t>
  </si>
  <si>
    <t>17,627,881,000</t>
  </si>
  <si>
    <t>154,379,565,000</t>
  </si>
  <si>
    <t>154,490,092,026</t>
  </si>
  <si>
    <t>302,662,909,000</t>
  </si>
  <si>
    <t>2,551,758,000</t>
  </si>
  <si>
    <t>300,111,151,000</t>
  </si>
  <si>
    <t>300,110,831,608</t>
  </si>
  <si>
    <t>1,093,829,000</t>
  </si>
  <si>
    <t>1,093,829,528</t>
  </si>
  <si>
    <t>平成30年度神奈川県災害救助基</t>
  </si>
  <si>
    <t>金会計歳入歳出決算事項別明細書</t>
  </si>
  <si>
    <t>災害救助基金</t>
  </si>
  <si>
    <t>543,270,000</t>
  </si>
  <si>
    <t>5,958,000</t>
  </si>
  <si>
    <t>537,312,000</t>
  </si>
  <si>
    <t>448,023</t>
  </si>
  <si>
    <t>6,958,000</t>
  </si>
  <si>
    <t>415,654</t>
  </si>
  <si>
    <t>280,144,000</t>
  </si>
  <si>
    <t>256,165,000</t>
  </si>
  <si>
    <t>32,360</t>
  </si>
  <si>
    <t>2,000</t>
  </si>
  <si>
    <t>9</t>
  </si>
  <si>
    <t>平成30年度神奈川県農業改良資</t>
  </si>
  <si>
    <t>130,251,000</t>
  </si>
  <si>
    <t>169,695,425</t>
  </si>
  <si>
    <t>115,980,739</t>
  </si>
  <si>
    <t>53,714,686</t>
  </si>
  <si>
    <t>26,987,000</t>
  </si>
  <si>
    <t>55,753,000</t>
  </si>
  <si>
    <t>18,785,000</t>
  </si>
  <si>
    <t>36,968,000</t>
  </si>
  <si>
    <t>102,753,000</t>
  </si>
  <si>
    <t>97,005,158</t>
  </si>
  <si>
    <t>511,000</t>
  </si>
  <si>
    <t>16,937,267</t>
  </si>
  <si>
    <t>190,581</t>
  </si>
  <si>
    <t>16,746,686</t>
  </si>
  <si>
    <t>581</t>
  </si>
  <si>
    <t>510,000</t>
  </si>
  <si>
    <t>16,936,686</t>
  </si>
  <si>
    <t>190,000</t>
  </si>
  <si>
    <t>平成30年度神奈川県恩賜記念林業振</t>
  </si>
  <si>
    <t>興資金会計歳入歳出決算事項別明細書</t>
  </si>
  <si>
    <t>146,188,000</t>
  </si>
  <si>
    <t>58,000,000</t>
  </si>
  <si>
    <t>88,188,000</t>
  </si>
  <si>
    <t>166,413,486</t>
  </si>
  <si>
    <t>53,388,000</t>
  </si>
  <si>
    <t>103,564,063</t>
  </si>
  <si>
    <t>92,799,000</t>
  </si>
  <si>
    <t>34,799,000</t>
  </si>
  <si>
    <t>62,849,017</t>
  </si>
  <si>
    <t>406</t>
  </si>
  <si>
    <t>平成30年度神奈川県林業改善資</t>
  </si>
  <si>
    <t>46,155,000</t>
  </si>
  <si>
    <t>55,093,604</t>
  </si>
  <si>
    <t>12,081,000</t>
  </si>
  <si>
    <t>70,000</t>
  </si>
  <si>
    <t>9,882</t>
  </si>
  <si>
    <t>34,003,000</t>
  </si>
  <si>
    <t>43,002,412</t>
  </si>
  <si>
    <t>310</t>
  </si>
  <si>
    <t>平成30年度神奈川県水源環境保全・再</t>
  </si>
  <si>
    <t>29,423,000円</t>
  </si>
  <si>
    <t>8,612,738,000</t>
  </si>
  <si>
    <t>335,279,000</t>
  </si>
  <si>
    <t>49,449,000</t>
  </si>
  <si>
    <t>8,326,908,000</t>
  </si>
  <si>
    <t>8,182,499,260</t>
  </si>
  <si>
    <t>7,000</t>
  </si>
  <si>
    <t>29,603</t>
  </si>
  <si>
    <t>1,532,000</t>
  </si>
  <si>
    <t>1,662,000</t>
  </si>
  <si>
    <t>2,463,555</t>
  </si>
  <si>
    <t>8,612,385,000</t>
  </si>
  <si>
    <t>337,294,000</t>
  </si>
  <si>
    <t>8,275,091,000</t>
  </si>
  <si>
    <t>8,129,963,716</t>
  </si>
  <si>
    <t>4,135,660,000</t>
  </si>
  <si>
    <t>16,763,000</t>
  </si>
  <si>
    <t>4,152,423,000</t>
  </si>
  <si>
    <t>4,476,725,000</t>
  </si>
  <si>
    <t>354,057,000</t>
  </si>
  <si>
    <t>4,122,668,000</t>
  </si>
  <si>
    <t>3,977,540,716</t>
  </si>
  <si>
    <t>216,000</t>
  </si>
  <si>
    <t>109,487</t>
  </si>
  <si>
    <t>8,000</t>
  </si>
  <si>
    <t>5,436</t>
  </si>
  <si>
    <t>208,000</t>
  </si>
  <si>
    <t>98,901</t>
  </si>
  <si>
    <t>5,150</t>
  </si>
  <si>
    <t>483,000</t>
  </si>
  <si>
    <t>49,932,000</t>
  </si>
  <si>
    <t>49,932,899</t>
  </si>
  <si>
    <t>平成30年度神奈川県沿岸漁業改善</t>
  </si>
  <si>
    <t>資金会計歳入歳出決算事項別明細書</t>
  </si>
  <si>
    <t>142,415,000</t>
  </si>
  <si>
    <t>151,560,971</t>
  </si>
  <si>
    <t>27,813,000</t>
  </si>
  <si>
    <t>27,376,000</t>
  </si>
  <si>
    <t>934,000</t>
  </si>
  <si>
    <t>328,771</t>
  </si>
  <si>
    <t>113,667,000</t>
  </si>
  <si>
    <t>123,855,398</t>
  </si>
  <si>
    <t>802</t>
  </si>
  <si>
    <t>平成30年度神奈川県介護保険財政安定</t>
  </si>
  <si>
    <t>5,799,000</t>
  </si>
  <si>
    <t>5,163,000</t>
  </si>
  <si>
    <t>636,000</t>
  </si>
  <si>
    <t>400,054</t>
  </si>
  <si>
    <t>5,798,000</t>
  </si>
  <si>
    <t>平成30年度神奈川県母子父子寡婦福</t>
  </si>
  <si>
    <t>祉資金会計歳入歳出決算事項別明細書</t>
  </si>
  <si>
    <t>626,812,000</t>
  </si>
  <si>
    <t>108,577,000</t>
  </si>
  <si>
    <t>518,235,000</t>
  </si>
  <si>
    <t>1,775,013,844</t>
  </si>
  <si>
    <t>518,548,061</t>
  </si>
  <si>
    <t>30,123,441</t>
  </si>
  <si>
    <t>1,226,342,342</t>
  </si>
  <si>
    <t>450,842,000</t>
  </si>
  <si>
    <t>1,677,863,295</t>
  </si>
  <si>
    <t>431,242,602</t>
  </si>
  <si>
    <t>29,760,845</t>
  </si>
  <si>
    <t>1,216,859,848</t>
  </si>
  <si>
    <t>61,717,000</t>
  </si>
  <si>
    <t>36,192,000</t>
  </si>
  <si>
    <t>25,525,000</t>
  </si>
  <si>
    <t>13,618,000</t>
  </si>
  <si>
    <t>33,917,490</t>
  </si>
  <si>
    <t>1,700,000</t>
  </si>
  <si>
    <t>11,158,059</t>
  </si>
  <si>
    <t>1,312,969</t>
  </si>
  <si>
    <t>362,596</t>
  </si>
  <si>
    <t>9,482,494</t>
  </si>
  <si>
    <t>104</t>
  </si>
  <si>
    <t>1,699,000</t>
  </si>
  <si>
    <t>11,157,955</t>
  </si>
  <si>
    <t>1,312,865</t>
  </si>
  <si>
    <t>違約金</t>
  </si>
  <si>
    <t>98,935,000</t>
  </si>
  <si>
    <t>72,385,000</t>
  </si>
  <si>
    <t>26,550,000</t>
  </si>
  <si>
    <t>平成30年度神奈川県国民健康保険</t>
  </si>
  <si>
    <t>事業会計歳入歳出決算事項別明細書</t>
  </si>
  <si>
    <t>738,309,891,000</t>
  </si>
  <si>
    <t>739,690,000</t>
  </si>
  <si>
    <t>737,570,201,000</t>
  </si>
  <si>
    <t>746,618,380,264</t>
  </si>
  <si>
    <t>262,674,347,000</t>
  </si>
  <si>
    <t>262,674,346,131</t>
  </si>
  <si>
    <t>177,906,421,000</t>
  </si>
  <si>
    <t>419,455,000</t>
  </si>
  <si>
    <t>177,486,966,000</t>
  </si>
  <si>
    <t>189,319,279,323</t>
  </si>
  <si>
    <t>148,316,905,000</t>
  </si>
  <si>
    <t>6,799,000</t>
  </si>
  <si>
    <t>148,310,106,000</t>
  </si>
  <si>
    <t>155,185,648,323</t>
  </si>
  <si>
    <t>141,609,048,000</t>
  </si>
  <si>
    <t>148,116,636,225</t>
  </si>
  <si>
    <t>5,404,238,000</t>
  </si>
  <si>
    <t>5,769,438,098</t>
  </si>
  <si>
    <t>443,988,000</t>
  </si>
  <si>
    <t>442,237,000</t>
  </si>
  <si>
    <t>852,832,000</t>
  </si>
  <si>
    <t>857,337,000</t>
  </si>
  <si>
    <t>29,589,516,000</t>
  </si>
  <si>
    <t>412,656,000</t>
  </si>
  <si>
    <t>29,176,860,000</t>
  </si>
  <si>
    <t>34,133,631,000</t>
  </si>
  <si>
    <t>調整交付金</t>
  </si>
  <si>
    <t>23,273,110,000</t>
  </si>
  <si>
    <t>28,229,099,000</t>
  </si>
  <si>
    <t>3,971,005,000</t>
  </si>
  <si>
    <t>3,971,787,000</t>
  </si>
  <si>
    <t>1,932,745,000</t>
  </si>
  <si>
    <t>20,426,000</t>
  </si>
  <si>
    <t>19,347,000</t>
  </si>
  <si>
    <t>1,079,000</t>
  </si>
  <si>
    <t>1,001,004</t>
  </si>
  <si>
    <t>55,010,334,000</t>
  </si>
  <si>
    <t>443,548,000</t>
  </si>
  <si>
    <t>54,566,786,000</t>
  </si>
  <si>
    <t>48,860,723,000</t>
  </si>
  <si>
    <t>47,402,889,000</t>
  </si>
  <si>
    <t>293,548,000</t>
  </si>
  <si>
    <t>47,109,341,000</t>
  </si>
  <si>
    <t>47,103,278,000</t>
  </si>
  <si>
    <t>7,607,445,000</t>
  </si>
  <si>
    <t>7,457,445,000</t>
  </si>
  <si>
    <t>1,757,445,000</t>
  </si>
  <si>
    <t>242,698,363,000</t>
  </si>
  <si>
    <t>142,660,000</t>
  </si>
  <si>
    <t>242,841,023,000</t>
  </si>
  <si>
    <t>245,763,030,806</t>
  </si>
  <si>
    <t>1,481,346,000</t>
  </si>
  <si>
    <t>40,601,000</t>
  </si>
  <si>
    <t>1,521,947,000</t>
  </si>
  <si>
    <t>4,541,571,000</t>
  </si>
  <si>
    <t>240,416,987,000</t>
  </si>
  <si>
    <t>102,059,000</t>
  </si>
  <si>
    <t>240,519,046,000</t>
  </si>
  <si>
    <t>240,519,046,577</t>
  </si>
  <si>
    <t>800,030,000</t>
  </si>
  <si>
    <t>702,354,726</t>
  </si>
  <si>
    <t>58,503</t>
  </si>
  <si>
    <t>不納欠損額</t>
    <phoneticPr fontId="5"/>
  </si>
  <si>
    <t>5,381,316,000</t>
  </si>
  <si>
    <t>461,308,000</t>
  </si>
  <si>
    <t>4,920,008,000</t>
  </si>
  <si>
    <t>4,870,007,901</t>
  </si>
  <si>
    <t>3,791,316,000</t>
  </si>
  <si>
    <t>30,308,000</t>
  </si>
  <si>
    <t>1,590,000,000</t>
  </si>
  <si>
    <t>431,000,000</t>
  </si>
  <si>
    <t>1,159,000,000</t>
  </si>
  <si>
    <t>1,109,000,000</t>
  </si>
  <si>
    <t>平成30年度神奈川県中小企業資</t>
  </si>
  <si>
    <t>10,224,305,000</t>
  </si>
  <si>
    <t>206,734,000</t>
  </si>
  <si>
    <t>10,017,571,000</t>
  </si>
  <si>
    <t>11,191,055,825</t>
  </si>
  <si>
    <t>10,591,181,363</t>
  </si>
  <si>
    <t>599,874,462</t>
  </si>
  <si>
    <t>971,011,000</t>
  </si>
  <si>
    <t>169,596,000</t>
  </si>
  <si>
    <t>801,415,000</t>
  </si>
  <si>
    <t>2,214,898,014</t>
  </si>
  <si>
    <t>1,620,331,120</t>
  </si>
  <si>
    <t>594,566,894</t>
  </si>
  <si>
    <t>652,398,000</t>
  </si>
  <si>
    <t>1,414,882,492</t>
  </si>
  <si>
    <t>828,013,999</t>
  </si>
  <si>
    <t>586,868,493</t>
  </si>
  <si>
    <t>149,017,000</t>
  </si>
  <si>
    <t>152,884,381</t>
  </si>
  <si>
    <t>647,131,141</t>
  </si>
  <si>
    <t>639,432,740</t>
  </si>
  <si>
    <t>7,698,401</t>
  </si>
  <si>
    <t>560,101,000</t>
  </si>
  <si>
    <t>422,667,426</t>
  </si>
  <si>
    <t>8,192,669,000</t>
  </si>
  <si>
    <t>37,138,000</t>
  </si>
  <si>
    <t>8,155,531,000</t>
  </si>
  <si>
    <t>8,175,312,411</t>
  </si>
  <si>
    <t>524,000</t>
  </si>
  <si>
    <t>5,813,974</t>
  </si>
  <si>
    <t>506,406</t>
  </si>
  <si>
    <t>5,307,568</t>
  </si>
  <si>
    <t>6,000</t>
  </si>
  <si>
    <t>23,782</t>
  </si>
  <si>
    <t>2,624</t>
  </si>
  <si>
    <t>516,000</t>
  </si>
  <si>
    <t>5,787,568</t>
  </si>
  <si>
    <t>480,000</t>
  </si>
  <si>
    <t>500,000,000</t>
  </si>
  <si>
    <t>372,364,000</t>
  </si>
  <si>
    <t>1,565,343,337円</t>
  </si>
  <si>
    <t>21,089,504,000</t>
  </si>
  <si>
    <t>1,397,925,000</t>
  </si>
  <si>
    <t>1,222,762,073</t>
  </si>
  <si>
    <t>20,914,341,073</t>
  </si>
  <si>
    <t>20,425,347,304</t>
  </si>
  <si>
    <t>11,618,962,000</t>
  </si>
  <si>
    <t>1,038,399,000</t>
  </si>
  <si>
    <t>10,580,563,000</t>
  </si>
  <si>
    <t>1,052,618,000</t>
  </si>
  <si>
    <t>9,527,945,000</t>
  </si>
  <si>
    <t>919,697,240円</t>
  </si>
  <si>
    <t>3,057,661,000</t>
  </si>
  <si>
    <t>287,740,000</t>
  </si>
  <si>
    <t>578,642,111</t>
  </si>
  <si>
    <t>3,348,563,111</t>
  </si>
  <si>
    <t>2,428,833,505</t>
  </si>
  <si>
    <t>5,023,000</t>
  </si>
  <si>
    <t>13,054,954</t>
  </si>
  <si>
    <t>3,853,637,000</t>
  </si>
  <si>
    <t>29,565,000</t>
  </si>
  <si>
    <t>3,824,072,000</t>
  </si>
  <si>
    <t>3,800,307,765</t>
  </si>
  <si>
    <t>378,646,097円</t>
  </si>
  <si>
    <t>1,710,400,000</t>
  </si>
  <si>
    <t>40,875,000</t>
  </si>
  <si>
    <t>456,119,962</t>
  </si>
  <si>
    <t>2,125,644,962</t>
  </si>
  <si>
    <t>2,815,984,411</t>
  </si>
  <si>
    <t>821,000</t>
  </si>
  <si>
    <t>50,654,000</t>
  </si>
  <si>
    <t>51,475,000</t>
  </si>
  <si>
    <t>82,603,669</t>
  </si>
  <si>
    <t>561,000</t>
  </si>
  <si>
    <t>21,430</t>
  </si>
  <si>
    <t>260,000</t>
  </si>
  <si>
    <t>315,435</t>
  </si>
  <si>
    <t>82,266,804</t>
  </si>
  <si>
    <t>267,000,000円</t>
  </si>
  <si>
    <t>843,000,000</t>
  </si>
  <si>
    <t>52,000,000</t>
  </si>
  <si>
    <t>188,000,000</t>
  </si>
  <si>
    <t>979,000,000</t>
  </si>
  <si>
    <t>704,000,000</t>
  </si>
  <si>
    <t>平成30年度神奈川県県営住宅管理</t>
  </si>
  <si>
    <t>15,897,988,000</t>
  </si>
  <si>
    <t>179,983,000</t>
  </si>
  <si>
    <t>15,718,005,000</t>
  </si>
  <si>
    <t>17,302,029,939</t>
  </si>
  <si>
    <t>15,812,617,351</t>
  </si>
  <si>
    <t>235,019,580</t>
  </si>
  <si>
    <t>1,254,393,008</t>
  </si>
  <si>
    <t>10,445,060,000</t>
  </si>
  <si>
    <t>330,450,000</t>
  </si>
  <si>
    <t>10,114,610,000</t>
  </si>
  <si>
    <t>11,659,132,325</t>
  </si>
  <si>
    <t>10,217,587,142</t>
  </si>
  <si>
    <t>1,206,525,603</t>
  </si>
  <si>
    <t>家賃収入</t>
  </si>
  <si>
    <t>11,659,071,125</t>
  </si>
  <si>
    <t>10,217,525,942</t>
  </si>
  <si>
    <t>61,200</t>
  </si>
  <si>
    <t>9,612,000</t>
  </si>
  <si>
    <t>167,000</t>
  </si>
  <si>
    <t>9,445,000</t>
  </si>
  <si>
    <t>9,449,680</t>
  </si>
  <si>
    <t>891,264,000</t>
  </si>
  <si>
    <t>27,412,000</t>
  </si>
  <si>
    <t>863,852,000</t>
  </si>
  <si>
    <t>900,865,868</t>
  </si>
  <si>
    <t>865,873,370</t>
  </si>
  <si>
    <t>34,992,498</t>
  </si>
  <si>
    <t>271,228,000</t>
  </si>
  <si>
    <t>3,982,000</t>
  </si>
  <si>
    <t>267,246,000</t>
  </si>
  <si>
    <t>246,239,000</t>
  </si>
  <si>
    <t>216,967,000</t>
  </si>
  <si>
    <t>80,099,000</t>
  </si>
  <si>
    <t>297,066,000</t>
  </si>
  <si>
    <t>306,613,227</t>
  </si>
  <si>
    <t>306,293,390</t>
  </si>
  <si>
    <t>319,837</t>
  </si>
  <si>
    <t>29,747,000</t>
  </si>
  <si>
    <t>10,248,000</t>
  </si>
  <si>
    <t>39,995,000</t>
  </si>
  <si>
    <t>40,315,610</t>
  </si>
  <si>
    <t>39,995,773</t>
  </si>
  <si>
    <t>187,220,000</t>
  </si>
  <si>
    <t>69,851,000</t>
  </si>
  <si>
    <t>257,071,000</t>
  </si>
  <si>
    <t>266,297,617</t>
  </si>
  <si>
    <t>4,002,812,000</t>
  </si>
  <si>
    <t>159,038,000</t>
  </si>
  <si>
    <t>3,843,774,000</t>
  </si>
  <si>
    <t>283,981,000</t>
  </si>
  <si>
    <t>284,981,000</t>
  </si>
  <si>
    <t>284,981,256</t>
  </si>
  <si>
    <t>60,045,000</t>
  </si>
  <si>
    <t>23,014,000</t>
  </si>
  <si>
    <t>37,031,000</t>
  </si>
  <si>
    <t>50,974,583</t>
  </si>
  <si>
    <t>38,419,513</t>
  </si>
  <si>
    <t>12,555,070</t>
  </si>
  <si>
    <t>20,000,000</t>
  </si>
  <si>
    <t>19,081,000</t>
  </si>
  <si>
    <t>919,000</t>
  </si>
  <si>
    <t>918,242</t>
  </si>
  <si>
    <t>4,235,000</t>
  </si>
  <si>
    <t>4,889,271</t>
  </si>
  <si>
    <t>777,835</t>
  </si>
  <si>
    <t>45,000</t>
  </si>
  <si>
    <t>33,000</t>
  </si>
  <si>
    <t>12,000</t>
  </si>
  <si>
    <t>22,339</t>
  </si>
  <si>
    <t>35,565,000</t>
  </si>
  <si>
    <t>3,900,000</t>
  </si>
  <si>
    <t>31,665,000</t>
  </si>
  <si>
    <t>44,366,896</t>
  </si>
  <si>
    <t>31,811,826</t>
  </si>
  <si>
    <t>分担金及び　
負担金</t>
  </si>
  <si>
    <t>使用料及び　
手数料</t>
  </si>
  <si>
    <t>特別会計　　
繰入金</t>
  </si>
  <si>
    <t>公有財産　　
売払収入</t>
  </si>
  <si>
    <t>県債管理　　
基金繰入金</t>
  </si>
  <si>
    <t>一般会計　　
繰入金</t>
  </si>
  <si>
    <t>市町村振興　
事業費繰入金</t>
  </si>
  <si>
    <t>一般会計　　
借替債</t>
  </si>
  <si>
    <t>公営競技収益
配分金等　　
管理収入</t>
    <phoneticPr fontId="1"/>
  </si>
  <si>
    <t>収益配分金　
収入</t>
  </si>
  <si>
    <t>地方消費税　
清算収入</t>
  </si>
  <si>
    <t>地方消費税　
収入</t>
  </si>
  <si>
    <t>地方消費税　
清算金収入</t>
  </si>
  <si>
    <t>救助費　　　
国庫負担金</t>
  </si>
  <si>
    <t>農業改良　　
資金収入</t>
  </si>
  <si>
    <t>農業改良資金
貸付金返納</t>
  </si>
  <si>
    <t>林業改善　　
資金収入</t>
  </si>
  <si>
    <t>沿岸漁業改善
資金収入</t>
  </si>
  <si>
    <t>介護保険財政
安定化基金</t>
  </si>
  <si>
    <t>母子父子寡婦
福祉資金収入</t>
  </si>
  <si>
    <t>母子父子寡婦
福祉資金　　
貸付金返納</t>
    <phoneticPr fontId="1"/>
  </si>
  <si>
    <t>国民健康保険
事業収入</t>
  </si>
  <si>
    <t>療養給付費等
交付収入</t>
  </si>
  <si>
    <t>前期高齢者　
交付収入</t>
  </si>
  <si>
    <t>国民健康保険
事業費納付金</t>
  </si>
  <si>
    <t>療養給付費等
負担金</t>
  </si>
  <si>
    <t>高額医療費　
負担金</t>
  </si>
  <si>
    <t>財政安定化　
基金補助金</t>
  </si>
  <si>
    <t>財政安定化　
基金繰入金</t>
  </si>
  <si>
    <t>病院機構　　
資金収入</t>
  </si>
  <si>
    <t>病院機構資金
貸付金返納</t>
  </si>
  <si>
    <t>流域下水道　
事業収入</t>
  </si>
  <si>
    <t>流域下水道　
建設事業費　
負担金</t>
    <phoneticPr fontId="1"/>
  </si>
  <si>
    <t>流域下水道　
管理事業費　
負担金</t>
    <phoneticPr fontId="1"/>
  </si>
  <si>
    <t>流域下水道　
建設事業費　
補助金</t>
    <phoneticPr fontId="1"/>
  </si>
  <si>
    <t>県営住宅管理
事業収入</t>
  </si>
  <si>
    <t>厚生住宅　　
使用収入</t>
  </si>
  <si>
    <t>住宅管理費　
負担金</t>
  </si>
  <si>
    <t>住宅団地維持
整備費補助金</t>
  </si>
  <si>
    <t>住宅管理費　
負担交付収入</t>
  </si>
  <si>
    <t>住宅管理費　
事業費収入</t>
  </si>
  <si>
    <t>平成30年度神奈川県公債管理</t>
    <phoneticPr fontId="1"/>
  </si>
  <si>
    <t>市町村自治振興
事業会計繰入金</t>
    <phoneticPr fontId="1"/>
  </si>
  <si>
    <t>地方独立行政法人
神奈川県立病院機
構資金会計繰入金</t>
    <phoneticPr fontId="1"/>
  </si>
  <si>
    <t>流域下水道事業
会計繰入金</t>
    <phoneticPr fontId="1"/>
  </si>
  <si>
    <t>県営住宅管理
事業会計繰入金</t>
    <phoneticPr fontId="1"/>
  </si>
  <si>
    <t>流域下水道事業
会計借替債</t>
    <phoneticPr fontId="1"/>
  </si>
  <si>
    <t>県営住宅管理
事業会計借替債</t>
    <phoneticPr fontId="1"/>
  </si>
  <si>
    <t>平成30年度神奈川県地方消費税</t>
    <rPh sb="14" eb="15">
      <t>ゼイ</t>
    </rPh>
    <phoneticPr fontId="1"/>
  </si>
  <si>
    <t>不納欠損額</t>
    <phoneticPr fontId="5"/>
  </si>
  <si>
    <t>林業振興　　</t>
  </si>
  <si>
    <t>資金収入</t>
  </si>
  <si>
    <t>生事業会計歳入歳出決算事項別明細書</t>
    <phoneticPr fontId="1"/>
  </si>
  <si>
    <t>水源環境保全・
再生事業収入</t>
    <phoneticPr fontId="1"/>
  </si>
  <si>
    <t>水源環境保全・
再生指定寄附金</t>
    <phoneticPr fontId="1"/>
  </si>
  <si>
    <t>水源環境保全・
再生基金繰入金</t>
    <phoneticPr fontId="1"/>
  </si>
  <si>
    <t>化基金会計歳入歳出決算事項別明細書</t>
    <phoneticPr fontId="1"/>
  </si>
  <si>
    <t>特別高額医療費
共同事業費
負担金</t>
    <phoneticPr fontId="1"/>
  </si>
  <si>
    <t>特定健康診査等
負担金</t>
    <phoneticPr fontId="1"/>
  </si>
  <si>
    <t>保険者努力
支援制度交付金</t>
    <phoneticPr fontId="1"/>
  </si>
  <si>
    <t>特別高額医療費
共同事業　
交付収入</t>
    <phoneticPr fontId="1"/>
  </si>
  <si>
    <t>不納欠損額</t>
    <phoneticPr fontId="5"/>
  </si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1"/>
  </si>
  <si>
    <t>構資金会計歳入歳出決算事項別明細書</t>
    <phoneticPr fontId="1"/>
  </si>
  <si>
    <t>不納欠損額</t>
    <phoneticPr fontId="5"/>
  </si>
  <si>
    <t>中小企業
資金収入</t>
    <phoneticPr fontId="1"/>
  </si>
  <si>
    <t>中小企業高度化
資金貸付金返納</t>
    <phoneticPr fontId="1"/>
  </si>
  <si>
    <t>小規模企業者等
設備貸与事業
資金貸付金返納</t>
    <phoneticPr fontId="1"/>
  </si>
  <si>
    <t>小規模企業者
等設備導入資
金貸付金返納</t>
    <phoneticPr fontId="1"/>
  </si>
  <si>
    <t>平成30年度神奈川県流域下水道</t>
    <phoneticPr fontId="1"/>
  </si>
  <si>
    <t>県営住宅管理事業会計</t>
    <rPh sb="0" eb="2">
      <t>ケンエイ</t>
    </rPh>
    <rPh sb="2" eb="4">
      <t>ジュウタク</t>
    </rPh>
    <rPh sb="4" eb="6">
      <t>カンリ</t>
    </rPh>
    <rPh sb="6" eb="8">
      <t>ジギョウ</t>
    </rPh>
    <rPh sb="8" eb="10">
      <t>カイケイ</t>
    </rPh>
    <phoneticPr fontId="1"/>
  </si>
  <si>
    <t>平成30年度地方独立行政法人神奈川県立病院機</t>
    <rPh sb="6" eb="8">
      <t>チホウ</t>
    </rPh>
    <rPh sb="8" eb="10">
      <t>ドクリツ</t>
    </rPh>
    <rPh sb="10" eb="12">
      <t>ギョウセイ</t>
    </rPh>
    <rPh sb="12" eb="14">
      <t>ホウジン</t>
    </rPh>
    <phoneticPr fontId="1"/>
  </si>
  <si>
    <t>金会計歳入歳出決算事項別明細書</t>
    <phoneticPr fontId="1"/>
  </si>
  <si>
    <t>内収入済額</t>
    <rPh sb="0" eb="1">
      <t>ウチ</t>
    </rPh>
    <rPh sb="1" eb="3">
      <t>シュウニュウ</t>
    </rPh>
    <rPh sb="3" eb="4">
      <t>ズミ</t>
    </rPh>
    <rPh sb="4" eb="5">
      <t>ガク</t>
    </rPh>
    <phoneticPr fontId="1"/>
  </si>
  <si>
    <t>繰越額計</t>
    <rPh sb="0" eb="3">
      <t>クリコシガク</t>
    </rPh>
    <rPh sb="3" eb="4">
      <t>ケイ</t>
    </rPh>
    <phoneticPr fontId="1"/>
  </si>
  <si>
    <t>内収入済額</t>
    <rPh sb="0" eb="5">
      <t>ウチシュウニュウズミガク</t>
    </rPh>
    <phoneticPr fontId="1"/>
  </si>
  <si>
    <t>繰越額計</t>
    <rPh sb="0" eb="4">
      <t>クリコシガクケイ</t>
    </rPh>
    <phoneticPr fontId="1"/>
  </si>
  <si>
    <t>内収入済額</t>
    <rPh sb="0" eb="1">
      <t>ウチ</t>
    </rPh>
    <rPh sb="1" eb="5">
      <t>シュウニュウズミガク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378,646,097円</t>
    <phoneticPr fontId="1"/>
  </si>
  <si>
    <t>1,186,697,240円</t>
    <phoneticPr fontId="1"/>
  </si>
  <si>
    <t>不納欠損額</t>
    <phoneticPr fontId="5"/>
  </si>
  <si>
    <t>市町村自治
振興事業収入</t>
    <phoneticPr fontId="1"/>
  </si>
  <si>
    <t>市町村振興資金
貸付金返納</t>
    <phoneticPr fontId="1"/>
  </si>
  <si>
    <t>権限移譲等　
推進事業費　
繰入金</t>
    <phoneticPr fontId="1"/>
  </si>
  <si>
    <t>公営競技収益
配分金等管理
会計繰入金</t>
    <phoneticPr fontId="1"/>
  </si>
  <si>
    <t>2,706,000</t>
  </si>
  <si>
    <t>2</t>
    <phoneticPr fontId="1"/>
  </si>
  <si>
    <t>3</t>
    <phoneticPr fontId="1"/>
  </si>
  <si>
    <t>4</t>
    <phoneticPr fontId="1"/>
  </si>
  <si>
    <t>56,500,000円</t>
  </si>
  <si>
    <t>264,077,362</t>
  </si>
  <si>
    <t>281,300,000</t>
  </si>
  <si>
    <t>8,790,719,638</t>
  </si>
  <si>
    <t>歳出合計</t>
    <rPh sb="0" eb="2">
      <t>サイシュツ</t>
    </rPh>
    <rPh sb="2" eb="4">
      <t>ゴウケイ</t>
    </rPh>
    <phoneticPr fontId="5"/>
  </si>
  <si>
    <t>繰越事業費不用額</t>
  </si>
  <si>
    <t>532</t>
  </si>
  <si>
    <t>18,468</t>
  </si>
  <si>
    <t>19,000</t>
  </si>
  <si>
    <t>繰出金</t>
  </si>
  <si>
    <t>28</t>
  </si>
  <si>
    <t>公債諸費</t>
  </si>
  <si>
    <t>410</t>
  </si>
  <si>
    <t>2,965,590</t>
  </si>
  <si>
    <t>2,966,000</t>
  </si>
  <si>
    <t>利子</t>
  </si>
  <si>
    <t>125,400,000</t>
  </si>
  <si>
    <t>元金</t>
  </si>
  <si>
    <t>942</t>
  </si>
  <si>
    <t>公債費</t>
  </si>
  <si>
    <t>102</t>
  </si>
  <si>
    <t>577,129,898</t>
  </si>
  <si>
    <t>577,130,000</t>
  </si>
  <si>
    <t>負担金、補助
及び交付金</t>
  </si>
  <si>
    <t>19</t>
  </si>
  <si>
    <t>貸付債権受取
利益移転事業費</t>
    <phoneticPr fontId="1"/>
  </si>
  <si>
    <t>13,472,880</t>
  </si>
  <si>
    <t>権限移譲等　
推進事業費</t>
  </si>
  <si>
    <t>56,500,000</t>
  </si>
  <si>
    <t>4,812,600,000</t>
  </si>
  <si>
    <t>5,150,400,000</t>
  </si>
  <si>
    <t>貸付金</t>
  </si>
  <si>
    <t>21</t>
  </si>
  <si>
    <t>193,642,000</t>
  </si>
  <si>
    <t>2,636,358,000</t>
  </si>
  <si>
    <t>2,830,000,000</t>
  </si>
  <si>
    <t>7,992</t>
  </si>
  <si>
    <t>205,008</t>
  </si>
  <si>
    <t>213,000</t>
  </si>
  <si>
    <t>使用料及び　
賃借料</t>
  </si>
  <si>
    <t>272,360</t>
  </si>
  <si>
    <t>683,640</t>
  </si>
  <si>
    <t>956,000</t>
  </si>
  <si>
    <t>委託料</t>
  </si>
  <si>
    <t>役務費</t>
  </si>
  <si>
    <t>181,086</t>
  </si>
  <si>
    <t>2,080,914</t>
  </si>
  <si>
    <t>2,262,000</t>
  </si>
  <si>
    <t>需用費</t>
  </si>
  <si>
    <t>250,603,438</t>
  </si>
  <si>
    <t>7,452,245,562</t>
  </si>
  <si>
    <t>7,984,149,000</t>
  </si>
  <si>
    <t>7,333,749,000</t>
  </si>
  <si>
    <t>市町村振興　
事業費</t>
  </si>
  <si>
    <t>市町村自治　
振興事業費</t>
  </si>
  <si>
    <t>事故繰越し</t>
    <rPh sb="0" eb="2">
      <t>ジコ</t>
    </rPh>
    <rPh sb="2" eb="4">
      <t>クリコシ</t>
    </rPh>
    <phoneticPr fontId="5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5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5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5"/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5"/>
  </si>
  <si>
    <t>不用額</t>
    <rPh sb="0" eb="2">
      <t>フヨウ</t>
    </rPh>
    <rPh sb="2" eb="3">
      <t>ガク</t>
    </rPh>
    <phoneticPr fontId="5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5"/>
  </si>
  <si>
    <t>支出済額</t>
    <rPh sb="0" eb="2">
      <t>シシュツ</t>
    </rPh>
    <rPh sb="2" eb="3">
      <t>スミ</t>
    </rPh>
    <rPh sb="3" eb="4">
      <t>ガク</t>
    </rPh>
    <phoneticPr fontId="5"/>
  </si>
  <si>
    <t>市町村自治振興事業会計</t>
    <phoneticPr fontId="1"/>
  </si>
  <si>
    <t>歳　　出</t>
    <rPh sb="0" eb="1">
      <t>トシ</t>
    </rPh>
    <rPh sb="3" eb="4">
      <t>デ</t>
    </rPh>
    <phoneticPr fontId="5"/>
  </si>
  <si>
    <t>56,921,183</t>
  </si>
  <si>
    <t>613,009</t>
  </si>
  <si>
    <t>185,840,032,991</t>
  </si>
  <si>
    <t>185,840,646,000</t>
  </si>
  <si>
    <t>積立金</t>
  </si>
  <si>
    <t>25</t>
  </si>
  <si>
    <t>186,013,257,000</t>
  </si>
  <si>
    <t>基金積立金</t>
  </si>
  <si>
    <t>89,969</t>
  </si>
  <si>
    <t>40,031</t>
  </si>
  <si>
    <t>2,798</t>
  </si>
  <si>
    <t>26,202</t>
  </si>
  <si>
    <t>29,000</t>
  </si>
  <si>
    <t>46,472,424</t>
  </si>
  <si>
    <t>1,069,429,576</t>
  </si>
  <si>
    <t>1,115,902,000</t>
  </si>
  <si>
    <t>100,700</t>
  </si>
  <si>
    <t>24,300</t>
  </si>
  <si>
    <t>125,000</t>
  </si>
  <si>
    <t>46,665,891</t>
  </si>
  <si>
    <t>1,069,520,109</t>
  </si>
  <si>
    <t>1,116,186,000</t>
  </si>
  <si>
    <t>473,307,000</t>
  </si>
  <si>
    <t>1,589,493,000</t>
  </si>
  <si>
    <t>9,639,682</t>
  </si>
  <si>
    <t>41,822,077,318</t>
  </si>
  <si>
    <t>41,831,717,000</t>
  </si>
  <si>
    <t>償還金、利子
及び割引料</t>
  </si>
  <si>
    <t>23</t>
  </si>
  <si>
    <t>4,323,829,000</t>
  </si>
  <si>
    <t>46,155,546,000</t>
  </si>
  <si>
    <t>2,601</t>
  </si>
  <si>
    <t>400,650,882,399</t>
  </si>
  <si>
    <t>400,650,885,000</t>
  </si>
  <si>
    <t>公債管理費</t>
  </si>
  <si>
    <t>公債管理特別会計</t>
    <phoneticPr fontId="1"/>
  </si>
  <si>
    <t>予備費</t>
  </si>
  <si>
    <t>市町村自治振興
事業会計繰出金</t>
    <phoneticPr fontId="1"/>
  </si>
  <si>
    <t>一般会計　　
繰出金</t>
  </si>
  <si>
    <t>公営競技収益
配分金等管理費</t>
    <phoneticPr fontId="1"/>
  </si>
  <si>
    <t>公営競技収益配分金等管理会計</t>
    <phoneticPr fontId="1"/>
  </si>
  <si>
    <t>607,515,965</t>
  </si>
  <si>
    <t>607,475,670</t>
  </si>
  <si>
    <t>39,392</t>
  </si>
  <si>
    <t>265,380,747,608</t>
  </si>
  <si>
    <t>265,380,787,000</t>
  </si>
  <si>
    <t>3,346,790,000</t>
  </si>
  <si>
    <t>268,727,577,000</t>
  </si>
  <si>
    <t>地方消費税　
清算金</t>
  </si>
  <si>
    <t>903</t>
  </si>
  <si>
    <t>1,007,333,097</t>
  </si>
  <si>
    <t>1,007,334,000</t>
  </si>
  <si>
    <t>12,706,000</t>
  </si>
  <si>
    <t>1,020,040,000</t>
  </si>
  <si>
    <t>地方消費税徴収
取扱費負担金</t>
    <phoneticPr fontId="1"/>
  </si>
  <si>
    <t>地方消費税　
清算費</t>
  </si>
  <si>
    <t>地方消費税清算会計</t>
    <phoneticPr fontId="1"/>
  </si>
  <si>
    <t>536,896,346</t>
  </si>
  <si>
    <t>584,346</t>
  </si>
  <si>
    <t>財産費</t>
  </si>
  <si>
    <t>327,333,000</t>
  </si>
  <si>
    <t>170,810,000</t>
  </si>
  <si>
    <t>4,385,000</t>
  </si>
  <si>
    <t>23,895,000</t>
  </si>
  <si>
    <t>5,000,000</t>
  </si>
  <si>
    <t>旅費</t>
  </si>
  <si>
    <t>2,288,000</t>
  </si>
  <si>
    <t>賃金</t>
  </si>
  <si>
    <t>536,312,000</t>
  </si>
  <si>
    <t>救助費</t>
  </si>
  <si>
    <t>災害救助費</t>
  </si>
  <si>
    <t>災害救助基金会計</t>
    <phoneticPr fontId="1"/>
  </si>
  <si>
    <t>14,270,261</t>
  </si>
  <si>
    <t>104,696,000</t>
  </si>
  <si>
    <t>8,183,000</t>
  </si>
  <si>
    <t>407</t>
  </si>
  <si>
    <t>4,105,593</t>
  </si>
  <si>
    <t>4,106,000</t>
  </si>
  <si>
    <t>3,876,000</t>
  </si>
  <si>
    <t>7,982,000</t>
  </si>
  <si>
    <t>国庫返納金</t>
  </si>
  <si>
    <t>返納金</t>
  </si>
  <si>
    <t>14,077,368</t>
  </si>
  <si>
    <t>190,842</t>
  </si>
  <si>
    <t>82,158</t>
  </si>
  <si>
    <t>273,000</t>
  </si>
  <si>
    <t>1,400</t>
  </si>
  <si>
    <t>48,600</t>
  </si>
  <si>
    <t>244</t>
  </si>
  <si>
    <t>2,756</t>
  </si>
  <si>
    <t>192,486</t>
  </si>
  <si>
    <t>133,514</t>
  </si>
  <si>
    <t>326,000</t>
  </si>
  <si>
    <t>174,000</t>
  </si>
  <si>
    <t>貸付事務費</t>
  </si>
  <si>
    <t>事務費</t>
  </si>
  <si>
    <t>779,000</t>
  </si>
  <si>
    <t>就農支援資金
貸付金</t>
  </si>
  <si>
    <t>農業改良資金</t>
  </si>
  <si>
    <t>農業改良資金会計</t>
    <phoneticPr fontId="1"/>
  </si>
  <si>
    <t>27,188,000</t>
  </si>
  <si>
    <t>61,000,000</t>
  </si>
  <si>
    <t>27,128,000</t>
  </si>
  <si>
    <t>44,000</t>
  </si>
  <si>
    <t>119,000,000</t>
  </si>
  <si>
    <t>林業振興資金
貸付金</t>
  </si>
  <si>
    <t>林業振興資金</t>
  </si>
  <si>
    <t>恩賜記念林業振興資金会計</t>
    <phoneticPr fontId="1"/>
  </si>
  <si>
    <t>46,145,118</t>
  </si>
  <si>
    <t>16,085,000</t>
  </si>
  <si>
    <t>118</t>
  </si>
  <si>
    <t>15,000</t>
  </si>
  <si>
    <t>報償費</t>
  </si>
  <si>
    <t>60,118</t>
  </si>
  <si>
    <t>30,000,000</t>
  </si>
  <si>
    <t>林業木材産業
改善資金貸付金</t>
    <phoneticPr fontId="1"/>
  </si>
  <si>
    <t>林業改善資金</t>
  </si>
  <si>
    <t>林業改善資金会計</t>
    <phoneticPr fontId="1"/>
  </si>
  <si>
    <t>2,689,200円</t>
  </si>
  <si>
    <t>147,928,147</t>
  </si>
  <si>
    <t>29,423,000</t>
  </si>
  <si>
    <t>8,149,556,853</t>
  </si>
  <si>
    <t>3</t>
    <phoneticPr fontId="1"/>
  </si>
  <si>
    <t>4,154,092,000</t>
  </si>
  <si>
    <t>18,295,000</t>
  </si>
  <si>
    <t>4,135,797,000</t>
  </si>
  <si>
    <t>1,222,817</t>
  </si>
  <si>
    <t>34,977,183</t>
  </si>
  <si>
    <t>36,200,000</t>
  </si>
  <si>
    <t>2,202,000</t>
  </si>
  <si>
    <t>38,402,000</t>
  </si>
  <si>
    <t>流域保全　　
対策費</t>
  </si>
  <si>
    <t>補償、補填　
及び賠償金</t>
  </si>
  <si>
    <t>22</t>
  </si>
  <si>
    <t>3,138,570</t>
  </si>
  <si>
    <t>896,998,430</t>
  </si>
  <si>
    <t>900,137,000</t>
  </si>
  <si>
    <r>
      <t>予備費支出
及び流用増
減</t>
    </r>
    <r>
      <rPr>
        <sz val="8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5"/>
  </si>
  <si>
    <r>
      <t>継続費及び
繰越事業費
繰越額</t>
    </r>
    <r>
      <rPr>
        <sz val="8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5"/>
  </si>
  <si>
    <t>水源環境保全・再生事業会計</t>
    <phoneticPr fontId="1"/>
  </si>
  <si>
    <t>352,891</t>
  </si>
  <si>
    <t>1,127,109</t>
  </si>
  <si>
    <t>1,480,000</t>
  </si>
  <si>
    <t>備品購入費</t>
  </si>
  <si>
    <t>18</t>
  </si>
  <si>
    <t>3,418,000</t>
  </si>
  <si>
    <t>31,890,000</t>
  </si>
  <si>
    <t>35,308,000</t>
  </si>
  <si>
    <t>公有財産　　
購入費</t>
  </si>
  <si>
    <t>17</t>
  </si>
  <si>
    <t>18,894,355</t>
  </si>
  <si>
    <t>375,626,645</t>
  </si>
  <si>
    <t>394,521,000</t>
  </si>
  <si>
    <t>工事請負費</t>
  </si>
  <si>
    <t>15</t>
  </si>
  <si>
    <t>1,251,609</t>
  </si>
  <si>
    <t>16,347,471</t>
  </si>
  <si>
    <t>17,599,080</t>
  </si>
  <si>
    <t>12,239,078</t>
  </si>
  <si>
    <t>132,060,922</t>
  </si>
  <si>
    <t>144,300,000</t>
  </si>
  <si>
    <t>37,161,827</t>
  </si>
  <si>
    <t>446,402,093</t>
  </si>
  <si>
    <t>483,563,920</t>
  </si>
  <si>
    <t>4,616,378</t>
  </si>
  <si>
    <t>17,254,622</t>
  </si>
  <si>
    <t>21,871,000</t>
  </si>
  <si>
    <t>652,965</t>
  </si>
  <si>
    <t>930,035</t>
  </si>
  <si>
    <t>1,583,000</t>
  </si>
  <si>
    <t>11,280</t>
  </si>
  <si>
    <t>18,215,720</t>
  </si>
  <si>
    <t>18,227,000</t>
  </si>
  <si>
    <t>2,284,391</t>
  </si>
  <si>
    <t>18,997,609</t>
  </si>
  <si>
    <t>21,282,000</t>
  </si>
  <si>
    <t>413,651</t>
  </si>
  <si>
    <t>3,816,349</t>
  </si>
  <si>
    <t>4,230,000</t>
  </si>
  <si>
    <t>共済費</t>
  </si>
  <si>
    <t>84,444,995</t>
  </si>
  <si>
    <t>1,959,667,005</t>
  </si>
  <si>
    <t>2,044,112,000</t>
  </si>
  <si>
    <t>46,515,000</t>
  </si>
  <si>
    <t>234,940,000</t>
  </si>
  <si>
    <t>2,232,537,000</t>
  </si>
  <si>
    <t>水源林環境費</t>
  </si>
  <si>
    <t>1,087,500</t>
  </si>
  <si>
    <t>1,762,500</t>
  </si>
  <si>
    <t>2,850,000</t>
  </si>
  <si>
    <t>2,156,288</t>
  </si>
  <si>
    <t>2,586,712</t>
  </si>
  <si>
    <t>4,743,000</t>
  </si>
  <si>
    <t>1,528,044</t>
  </si>
  <si>
    <t>4,081,956</t>
  </si>
  <si>
    <t>5,610,000</t>
  </si>
  <si>
    <t>10,675,512</t>
  </si>
  <si>
    <t>177,080,488</t>
  </si>
  <si>
    <t>187,756,000</t>
  </si>
  <si>
    <t>1,425,941</t>
  </si>
  <si>
    <t>5,298,059</t>
  </si>
  <si>
    <t>6,724,000</t>
  </si>
  <si>
    <t>3,015,977</t>
  </si>
  <si>
    <t>16,120,023</t>
  </si>
  <si>
    <t>19,136,000</t>
  </si>
  <si>
    <t>1,344,359</t>
  </si>
  <si>
    <t>1,489,641</t>
  </si>
  <si>
    <t>2,834,000</t>
  </si>
  <si>
    <t>205,000</t>
  </si>
  <si>
    <t>330,000</t>
  </si>
  <si>
    <t>165,280</t>
  </si>
  <si>
    <t>14,462,720</t>
  </si>
  <si>
    <t>14,628,000</t>
  </si>
  <si>
    <t>903,000</t>
  </si>
  <si>
    <t>212,790</t>
  </si>
  <si>
    <t>2,409,210</t>
  </si>
  <si>
    <t>2,622,000</t>
  </si>
  <si>
    <t>報酬</t>
  </si>
  <si>
    <t>21,736,691</t>
  </si>
  <si>
    <t>226,399,309</t>
  </si>
  <si>
    <t>248,136,000</t>
  </si>
  <si>
    <t>35,140,000</t>
  </si>
  <si>
    <t>283,276,000</t>
  </si>
  <si>
    <t>自然保護費</t>
  </si>
  <si>
    <t>526,000</t>
  </si>
  <si>
    <t>5,789,000</t>
  </si>
  <si>
    <t>6,315,000</t>
  </si>
  <si>
    <t>水源環境保全・再生事業会計</t>
    <phoneticPr fontId="1"/>
  </si>
  <si>
    <t>230,471</t>
  </si>
  <si>
    <t>695,529</t>
  </si>
  <si>
    <t>926,000</t>
  </si>
  <si>
    <t>251,421</t>
  </si>
  <si>
    <t>9,033,579</t>
  </si>
  <si>
    <t>9,285,000</t>
  </si>
  <si>
    <t>219,234</t>
  </si>
  <si>
    <t>352,766</t>
  </si>
  <si>
    <t>572,000</t>
  </si>
  <si>
    <t>1,400,913</t>
  </si>
  <si>
    <t>5,164,087</t>
  </si>
  <si>
    <t>6,565,000</t>
  </si>
  <si>
    <t>509,321</t>
  </si>
  <si>
    <t>1,196,679</t>
  </si>
  <si>
    <t>1,706,000</t>
  </si>
  <si>
    <t>463,500</t>
  </si>
  <si>
    <t>5,939,500</t>
  </si>
  <si>
    <t>6,403,000</t>
  </si>
  <si>
    <t>193,250</t>
  </si>
  <si>
    <t>2,050,750</t>
  </si>
  <si>
    <t>2,244,000</t>
  </si>
  <si>
    <t>36,914</t>
  </si>
  <si>
    <t>349,086</t>
  </si>
  <si>
    <t>386,000</t>
  </si>
  <si>
    <t>3,831,024</t>
  </si>
  <si>
    <t>30,570,976</t>
  </si>
  <si>
    <t>34,402,000</t>
  </si>
  <si>
    <t>10,878,000</t>
  </si>
  <si>
    <t>45,280,000</t>
  </si>
  <si>
    <t>水源環境保全・
再生活動費</t>
    <phoneticPr fontId="1"/>
  </si>
  <si>
    <t>89,552</t>
  </si>
  <si>
    <t>1,290,448</t>
  </si>
  <si>
    <t>1,380,000</t>
  </si>
  <si>
    <t>1,710,400</t>
  </si>
  <si>
    <t>2,289,600</t>
  </si>
  <si>
    <t>293,440</t>
  </si>
  <si>
    <t>1,832,560</t>
  </si>
  <si>
    <t>2,126,000</t>
  </si>
  <si>
    <t>11,084,252</t>
  </si>
  <si>
    <t>179,874,748</t>
  </si>
  <si>
    <t>190,959,000</t>
  </si>
  <si>
    <t>7,192</t>
  </si>
  <si>
    <t>2,558,808</t>
  </si>
  <si>
    <t>2,566,000</t>
  </si>
  <si>
    <t>571,520</t>
  </si>
  <si>
    <t>12,585,480</t>
  </si>
  <si>
    <t>13,157,000</t>
  </si>
  <si>
    <t>178,026</t>
  </si>
  <si>
    <t>579,974</t>
  </si>
  <si>
    <t>758,000</t>
  </si>
  <si>
    <t>131,000</t>
  </si>
  <si>
    <t>98,000</t>
  </si>
  <si>
    <t>229,000</t>
  </si>
  <si>
    <t>289,643</t>
  </si>
  <si>
    <t>5,681,357</t>
  </si>
  <si>
    <t>5,971,000</t>
  </si>
  <si>
    <t>98,964</t>
  </si>
  <si>
    <t>2,370,036</t>
  </si>
  <si>
    <t>2,469,000</t>
  </si>
  <si>
    <t>652,631</t>
  </si>
  <si>
    <t>12,619,369</t>
  </si>
  <si>
    <t>13,272,000</t>
  </si>
  <si>
    <t>15,106,620</t>
  </si>
  <si>
    <t>221,780,380</t>
  </si>
  <si>
    <t>236,887,000</t>
  </si>
  <si>
    <t>12,531,000</t>
  </si>
  <si>
    <t>249,418,000</t>
  </si>
  <si>
    <t>水源環境　　
調査費</t>
  </si>
  <si>
    <t>21,586,000</t>
  </si>
  <si>
    <t>1,513,026,000</t>
  </si>
  <si>
    <t>1,564,035,000</t>
  </si>
  <si>
    <t>2,934,000</t>
  </si>
  <si>
    <t>66,927,000</t>
  </si>
  <si>
    <t>1,628,028,000</t>
  </si>
  <si>
    <t>市町村事業　
推進費</t>
  </si>
  <si>
    <t>3,986,420,853</t>
  </si>
  <si>
    <t>4,163,772,000</t>
  </si>
  <si>
    <t>362,618,000</t>
  </si>
  <si>
    <t>4,476,941,000</t>
  </si>
  <si>
    <t>保全・再生　
事業費</t>
  </si>
  <si>
    <t>水源環境保全・
再生事業費</t>
    <phoneticPr fontId="1"/>
  </si>
  <si>
    <t>135,610,229</t>
  </si>
  <si>
    <t>6,804,771</t>
  </si>
  <si>
    <t>86,481,000</t>
  </si>
  <si>
    <t>4,000</t>
  </si>
  <si>
    <t>587,229</t>
  </si>
  <si>
    <t>217,771</t>
  </si>
  <si>
    <t>805,000</t>
  </si>
  <si>
    <t>14,000</t>
  </si>
  <si>
    <t>109,000</t>
  </si>
  <si>
    <t>605,229</t>
  </si>
  <si>
    <t>48,524,000</t>
  </si>
  <si>
    <t>6,476,000</t>
  </si>
  <si>
    <t>55,000,000</t>
  </si>
  <si>
    <t>沿岸漁業改善
資金貸付金</t>
  </si>
  <si>
    <t>沿岸漁業改善
資金</t>
  </si>
  <si>
    <t>沿岸漁業改善資金会計</t>
    <phoneticPr fontId="1"/>
  </si>
  <si>
    <t>235,946</t>
  </si>
  <si>
    <t>介護保険財政
安定化費</t>
  </si>
  <si>
    <t>介護保険財政安定化基金会計</t>
    <phoneticPr fontId="1"/>
  </si>
  <si>
    <t>24,689,632</t>
  </si>
  <si>
    <t>493,545,368</t>
  </si>
  <si>
    <t>49,760</t>
  </si>
  <si>
    <t>240</t>
  </si>
  <si>
    <t>5,209,440</t>
  </si>
  <si>
    <t>575,314</t>
  </si>
  <si>
    <t>4,579,686</t>
  </si>
  <si>
    <t>5,155,000</t>
  </si>
  <si>
    <t>401,608</t>
  </si>
  <si>
    <t>766,952</t>
  </si>
  <si>
    <t>1,168,560</t>
  </si>
  <si>
    <t>182,030</t>
  </si>
  <si>
    <t>1,416,970</t>
  </si>
  <si>
    <t>1,599,000</t>
  </si>
  <si>
    <t>8,705</t>
  </si>
  <si>
    <t>3,295</t>
  </si>
  <si>
    <t>67,208</t>
  </si>
  <si>
    <t>1,274,792</t>
  </si>
  <si>
    <t>1,342,000</t>
  </si>
  <si>
    <t>222</t>
  </si>
  <si>
    <t>154,778</t>
  </si>
  <si>
    <t>155,000</t>
  </si>
  <si>
    <t>1,284,847</t>
  </si>
  <si>
    <t>13,406,153</t>
  </si>
  <si>
    <t>14,691,000</t>
  </si>
  <si>
    <t>23,404,785</t>
  </si>
  <si>
    <t>480,139,215</t>
  </si>
  <si>
    <t>503,544,000</t>
  </si>
  <si>
    <t>612,121,000</t>
  </si>
  <si>
    <t>母子父子寡婦
福祉資金貸付金</t>
    <phoneticPr fontId="1"/>
  </si>
  <si>
    <t>母子父子寡婦
福祉資金</t>
  </si>
  <si>
    <t>母子父子寡婦福祉資金会計</t>
    <phoneticPr fontId="1"/>
  </si>
  <si>
    <t>13,462,039,109</t>
  </si>
  <si>
    <t>724,108,161,891</t>
  </si>
  <si>
    <t>5,700,000,000</t>
  </si>
  <si>
    <t>77,996</t>
  </si>
  <si>
    <t>1,933,746,004</t>
  </si>
  <si>
    <t>1,933,824,000</t>
  </si>
  <si>
    <t>126,602,000</t>
  </si>
  <si>
    <t>2,060,426,000</t>
  </si>
  <si>
    <t>財政安定化　
基金積立金</t>
  </si>
  <si>
    <t>財政安定化　
基金貸付金</t>
  </si>
  <si>
    <t>77,500</t>
  </si>
  <si>
    <t>40,500</t>
  </si>
  <si>
    <t>125,840</t>
  </si>
  <si>
    <t>17,012,160</t>
  </si>
  <si>
    <t>17,138,000</t>
  </si>
  <si>
    <t>35,131</t>
  </si>
  <si>
    <t>16,807</t>
  </si>
  <si>
    <t>51,938</t>
  </si>
  <si>
    <t>471,062</t>
  </si>
  <si>
    <t>716,062</t>
  </si>
  <si>
    <t>819,533</t>
  </si>
  <si>
    <t>17,314,467</t>
  </si>
  <si>
    <t>18,134,000</t>
  </si>
  <si>
    <t>3,123,000</t>
  </si>
  <si>
    <t>21,257,000</t>
  </si>
  <si>
    <t>保健事業費</t>
  </si>
  <si>
    <t>7,761,141,580</t>
  </si>
  <si>
    <t>722,155,913,420</t>
  </si>
  <si>
    <t>729,917,055,000</t>
  </si>
  <si>
    <t>1,188,000</t>
  </si>
  <si>
    <t>722,157,101,420</t>
  </si>
  <si>
    <t>729,918,243,000</t>
  </si>
  <si>
    <t>459,965,000</t>
  </si>
  <si>
    <t>730,378,208,000</t>
  </si>
  <si>
    <t>国民健康保険
支出金</t>
  </si>
  <si>
    <t>7,761,961,113</t>
  </si>
  <si>
    <t>722,174,415,887</t>
  </si>
  <si>
    <t>729,936,377,000</t>
  </si>
  <si>
    <t>463,088,000</t>
  </si>
  <si>
    <t>730,399,465,000</t>
  </si>
  <si>
    <t>国民健康保険
事業費</t>
  </si>
  <si>
    <t>国民健康保険事業会計</t>
    <phoneticPr fontId="1"/>
  </si>
  <si>
    <t>50,000,099</t>
  </si>
  <si>
    <t>16</t>
  </si>
  <si>
    <t>612,158,984</t>
  </si>
  <si>
    <t>612,159,000</t>
  </si>
  <si>
    <t>642,467,000</t>
  </si>
  <si>
    <t>83</t>
  </si>
  <si>
    <t>3,148,848,917</t>
  </si>
  <si>
    <t>3,148,849,000</t>
  </si>
  <si>
    <t>50,000,000</t>
  </si>
  <si>
    <t>病院機構資金
貸付金</t>
  </si>
  <si>
    <t>病院機構資金</t>
  </si>
  <si>
    <t>地方独立行政法人神奈川県立病院機構資金会計</t>
    <rPh sb="0" eb="2">
      <t>チホウ</t>
    </rPh>
    <rPh sb="2" eb="4">
      <t>ドクリツ</t>
    </rPh>
    <rPh sb="4" eb="8">
      <t>ギョウセイホウジン</t>
    </rPh>
    <phoneticPr fontId="1"/>
  </si>
  <si>
    <t>266,906,581</t>
  </si>
  <si>
    <t>9,750,664,419</t>
  </si>
  <si>
    <t>406,590</t>
  </si>
  <si>
    <t>41,916,410</t>
  </si>
  <si>
    <t>42,323,000</t>
  </si>
  <si>
    <t>238,838</t>
  </si>
  <si>
    <t>6,449,770,162</t>
  </si>
  <si>
    <t>6,450,009,000</t>
  </si>
  <si>
    <t>中小企業資金会計</t>
    <phoneticPr fontId="1"/>
  </si>
  <si>
    <t>102,864,000</t>
  </si>
  <si>
    <t>6,552,873,000</t>
  </si>
  <si>
    <t>645,428</t>
  </si>
  <si>
    <t>6,491,686,572</t>
  </si>
  <si>
    <t>6,492,332,000</t>
  </si>
  <si>
    <t>6,595,196,000</t>
  </si>
  <si>
    <t>118,723</t>
  </si>
  <si>
    <t>677</t>
  </si>
  <si>
    <t>362,832,323</t>
  </si>
  <si>
    <t>362,833,000</t>
  </si>
  <si>
    <t>17,339,000</t>
  </si>
  <si>
    <t>380,172,000</t>
  </si>
  <si>
    <t>諸費</t>
  </si>
  <si>
    <t>16,097,000</t>
  </si>
  <si>
    <t>379,000</t>
  </si>
  <si>
    <t>16,087</t>
  </si>
  <si>
    <t>162,913</t>
  </si>
  <si>
    <t>193,761</t>
  </si>
  <si>
    <t>211,239</t>
  </si>
  <si>
    <t>405,000</t>
  </si>
  <si>
    <t>363,000</t>
  </si>
  <si>
    <t>451,000</t>
  </si>
  <si>
    <t>814,000</t>
  </si>
  <si>
    <t>149,076</t>
  </si>
  <si>
    <t>928,924</t>
  </si>
  <si>
    <t>1,078,000</t>
  </si>
  <si>
    <t>50,255</t>
  </si>
  <si>
    <t>137,745</t>
  </si>
  <si>
    <t>188,000</t>
  </si>
  <si>
    <t>1,072,179</t>
  </si>
  <si>
    <t>18,067,821</t>
  </si>
  <si>
    <t>19,140,000</t>
  </si>
  <si>
    <t>1,072,856</t>
  </si>
  <si>
    <t>380,900,144</t>
  </si>
  <si>
    <t>381,973,000</t>
  </si>
  <si>
    <t>399,312,000</t>
  </si>
  <si>
    <t>9,797,574</t>
  </si>
  <si>
    <t>31,629,426</t>
  </si>
  <si>
    <t>41,427,000</t>
  </si>
  <si>
    <t>設備貸与　　
事業費</t>
  </si>
  <si>
    <t>事業費</t>
  </si>
  <si>
    <t>255,272,000</t>
  </si>
  <si>
    <t>744,728,000</t>
  </si>
  <si>
    <t>1,000,000,000</t>
  </si>
  <si>
    <t>小規模企業者等
設備貸与事業
資金貸付金</t>
    <phoneticPr fontId="1"/>
  </si>
  <si>
    <t>3,672,000</t>
  </si>
  <si>
    <t>中小企業高度化
資金貸付金</t>
    <phoneticPr fontId="1"/>
  </si>
  <si>
    <t>748,400,000</t>
  </si>
  <si>
    <t>1,003,672,000</t>
  </si>
  <si>
    <t>中小企業資金</t>
  </si>
  <si>
    <t>中小企業資金会計</t>
    <phoneticPr fontId="1"/>
  </si>
  <si>
    <t>1,428,651,865</t>
  </si>
  <si>
    <t>1,565,343,337</t>
  </si>
  <si>
    <t>17,920,345,871</t>
  </si>
  <si>
    <t>5</t>
    <phoneticPr fontId="1"/>
  </si>
  <si>
    <t>827,776,000</t>
  </si>
  <si>
    <t>303,428</t>
  </si>
  <si>
    <t>1,274,572</t>
  </si>
  <si>
    <t>1,578,000</t>
  </si>
  <si>
    <t>1,184,000</t>
  </si>
  <si>
    <t>2,762,000</t>
  </si>
  <si>
    <t>1,000,925</t>
  </si>
  <si>
    <t>632,758,075</t>
  </si>
  <si>
    <t>633,759,000</t>
  </si>
  <si>
    <t>654,526,000</t>
  </si>
  <si>
    <t>269</t>
  </si>
  <si>
    <t>2,543,365,731</t>
  </si>
  <si>
    <t>2,543,366,000</t>
  </si>
  <si>
    <t>1,304,622</t>
  </si>
  <si>
    <t>21,951,000</t>
  </si>
  <si>
    <t>3,200,654,000</t>
  </si>
  <si>
    <t>63,705,500</t>
  </si>
  <si>
    <t>67,206,500</t>
  </si>
  <si>
    <t>130,912,000</t>
  </si>
  <si>
    <t>公課費</t>
  </si>
  <si>
    <t>27</t>
  </si>
  <si>
    <t>9,280,640</t>
  </si>
  <si>
    <t>145,589,360</t>
  </si>
  <si>
    <t>154,870,000</t>
  </si>
  <si>
    <t>5,391,360</t>
  </si>
  <si>
    <t>2,708,640</t>
  </si>
  <si>
    <t>8,100,000</t>
  </si>
  <si>
    <t>47,919,998</t>
  </si>
  <si>
    <t>15,035,592</t>
  </si>
  <si>
    <t>422,568,408</t>
  </si>
  <si>
    <t>485,523,998</t>
  </si>
  <si>
    <t>1,138,834</t>
  </si>
  <si>
    <t>1,234,166</t>
  </si>
  <si>
    <t>2,373,000</t>
  </si>
  <si>
    <t>428,087,159</t>
  </si>
  <si>
    <t>54,000,000</t>
  </si>
  <si>
    <t>9,301,560,089</t>
  </si>
  <si>
    <t>9,783,647,248</t>
  </si>
  <si>
    <t>3,921,778</t>
  </si>
  <si>
    <t>8,453,222</t>
  </si>
  <si>
    <t>12,375,000</t>
  </si>
  <si>
    <t>5,839,903</t>
  </si>
  <si>
    <t>4,707,097</t>
  </si>
  <si>
    <t>10,547,000</t>
  </si>
  <si>
    <t>844,328</t>
  </si>
  <si>
    <t>1,370,672</t>
  </si>
  <si>
    <t>2,215,000</t>
  </si>
  <si>
    <t>流域下水道事業会計</t>
    <phoneticPr fontId="1"/>
  </si>
  <si>
    <t>36,384</t>
  </si>
  <si>
    <t>39,616</t>
  </si>
  <si>
    <t>76,000</t>
  </si>
  <si>
    <t>1,341,716</t>
  </si>
  <si>
    <t>7,300,284</t>
  </si>
  <si>
    <t>8,642,000</t>
  </si>
  <si>
    <t>730,912</t>
  </si>
  <si>
    <t>29,405,088</t>
  </si>
  <si>
    <t>30,136,000</t>
  </si>
  <si>
    <t>55,770,000</t>
  </si>
  <si>
    <t>職員手当等</t>
  </si>
  <si>
    <t>70,329,000</t>
  </si>
  <si>
    <t>給料</t>
  </si>
  <si>
    <t>2,700,000</t>
  </si>
  <si>
    <t>570,938,512</t>
  </si>
  <si>
    <t>69,035,592</t>
  </si>
  <si>
    <t>10,118,242,142</t>
  </si>
  <si>
    <t>10,758,216,246</t>
  </si>
  <si>
    <t>255,571,246</t>
  </si>
  <si>
    <t>962,860,000</t>
  </si>
  <si>
    <t>11,465,505,000</t>
  </si>
  <si>
    <t>流域下水道　
管理費</t>
  </si>
  <si>
    <t>20,529,800</t>
  </si>
  <si>
    <t>58,273,200</t>
  </si>
  <si>
    <t>78,803,000</t>
  </si>
  <si>
    <t>978</t>
  </si>
  <si>
    <t>13,057,022</t>
  </si>
  <si>
    <t>13,058,000</t>
  </si>
  <si>
    <t>補償、補塡　
及び賠償金</t>
  </si>
  <si>
    <t>362,300</t>
  </si>
  <si>
    <t>157,700</t>
  </si>
  <si>
    <t>520,000</t>
  </si>
  <si>
    <t>34,712</t>
  </si>
  <si>
    <t>1,389,731,455</t>
  </si>
  <si>
    <t>3,576,015,404</t>
  </si>
  <si>
    <t>4,965,781,571</t>
  </si>
  <si>
    <t>876,409</t>
  </si>
  <si>
    <t>10,494,591</t>
  </si>
  <si>
    <t>11,371,000</t>
  </si>
  <si>
    <t>2,939,846</t>
  </si>
  <si>
    <t>106,576,290</t>
  </si>
  <si>
    <t>321,782,120</t>
  </si>
  <si>
    <t>431,298,256</t>
  </si>
  <si>
    <t>585,026</t>
  </si>
  <si>
    <t>2,754,974</t>
  </si>
  <si>
    <t>3,340,000</t>
  </si>
  <si>
    <t>2,841,836</t>
  </si>
  <si>
    <t>7,679,164</t>
  </si>
  <si>
    <t>10,521,000</t>
  </si>
  <si>
    <t>21,874</t>
  </si>
  <si>
    <t>778,126</t>
  </si>
  <si>
    <t>438,226</t>
  </si>
  <si>
    <t>3,734,774</t>
  </si>
  <si>
    <t>4,173,000</t>
  </si>
  <si>
    <t>1,724</t>
  </si>
  <si>
    <t>104,885,276</t>
  </si>
  <si>
    <t>104,887,000</t>
  </si>
  <si>
    <t>222,418,000</t>
  </si>
  <si>
    <t>251,963,000</t>
  </si>
  <si>
    <t>28,632,731</t>
  </si>
  <si>
    <t>1,496,307,745</t>
  </si>
  <si>
    <t>4,574,493,351</t>
  </si>
  <si>
    <t>6,099,433,827</t>
  </si>
  <si>
    <t>967,190,827</t>
  </si>
  <si>
    <t>463,326,000</t>
  </si>
  <si>
    <t>5,595,569,000</t>
  </si>
  <si>
    <t>流域下水道　
建設費</t>
  </si>
  <si>
    <t>流域下水道　
事業費</t>
  </si>
  <si>
    <t>77,990,242</t>
  </si>
  <si>
    <t>15,640,014,758</t>
  </si>
  <si>
    <t>501,895</t>
  </si>
  <si>
    <t>13,820,105</t>
  </si>
  <si>
    <t>14,322,000</t>
  </si>
  <si>
    <t>6,221,000</t>
  </si>
  <si>
    <t>20,543,000</t>
  </si>
  <si>
    <t>県営住宅管理事業会計</t>
    <phoneticPr fontId="1"/>
  </si>
  <si>
    <t>1,000,485</t>
  </si>
  <si>
    <t>634,567,515</t>
  </si>
  <si>
    <t>635,568,000</t>
  </si>
  <si>
    <t>81,680,000</t>
  </si>
  <si>
    <t>717,248,000</t>
  </si>
  <si>
    <t>507</t>
  </si>
  <si>
    <t>8,232,756,493</t>
  </si>
  <si>
    <t>8,232,757,000</t>
  </si>
  <si>
    <t>1,502,887</t>
  </si>
  <si>
    <t>87,901,000</t>
  </si>
  <si>
    <t>8,970,548,000</t>
  </si>
  <si>
    <t>900</t>
  </si>
  <si>
    <t>1,477,484,100</t>
  </si>
  <si>
    <t>1,477,485,000</t>
  </si>
  <si>
    <t>7,009,000</t>
  </si>
  <si>
    <t>1,484,494,000</t>
  </si>
  <si>
    <t>国有資産等　
所在市町村　
交付金</t>
    <phoneticPr fontId="1"/>
  </si>
  <si>
    <t>46,643,070</t>
  </si>
  <si>
    <t>3,579,197,930</t>
  </si>
  <si>
    <t>3,625,841,000</t>
  </si>
  <si>
    <t>17,144,000</t>
  </si>
  <si>
    <t>3,642,985,000</t>
  </si>
  <si>
    <t>住宅団地維持
整備費</t>
  </si>
  <si>
    <t>500</t>
  </si>
  <si>
    <t>41,454,500</t>
  </si>
  <si>
    <t>41,455,000</t>
  </si>
  <si>
    <t>26,800</t>
  </si>
  <si>
    <t>93,200</t>
  </si>
  <si>
    <t>49,280</t>
  </si>
  <si>
    <t>1,044,720</t>
  </si>
  <si>
    <t>1,094,000</t>
  </si>
  <si>
    <t>20,842</t>
  </si>
  <si>
    <t>13,380,158</t>
  </si>
  <si>
    <t>13,401,000</t>
  </si>
  <si>
    <t>17,255,148</t>
  </si>
  <si>
    <t>1,318,952,852</t>
  </si>
  <si>
    <t>1,336,208,000</t>
  </si>
  <si>
    <t>6,945,098</t>
  </si>
  <si>
    <t>72,217,902</t>
  </si>
  <si>
    <t>79,163,000</t>
  </si>
  <si>
    <t>1,284,898</t>
  </si>
  <si>
    <t>10,774,102</t>
  </si>
  <si>
    <t>12,059,000</t>
  </si>
  <si>
    <t>870,157</t>
  </si>
  <si>
    <t>885,843</t>
  </si>
  <si>
    <t>1,756,000</t>
  </si>
  <si>
    <t>175,642</t>
  </si>
  <si>
    <t>5,176,358</t>
  </si>
  <si>
    <t>5,352,000</t>
  </si>
  <si>
    <t>650,370</t>
  </si>
  <si>
    <t>43,856,630</t>
  </si>
  <si>
    <t>44,507,000</t>
  </si>
  <si>
    <t>77,342,000</t>
  </si>
  <si>
    <t>100,923,000</t>
  </si>
  <si>
    <t>564,650</t>
  </si>
  <si>
    <t>16,087,350</t>
  </si>
  <si>
    <t>16,652,000</t>
  </si>
  <si>
    <t>27,843,385</t>
  </si>
  <si>
    <t>1,702,188,615</t>
  </si>
  <si>
    <t>1,730,032,000</t>
  </si>
  <si>
    <t>67,929,000</t>
  </si>
  <si>
    <t>1,797,961,000</t>
  </si>
  <si>
    <t>管理事務費</t>
  </si>
  <si>
    <t>74,487,355</t>
  </si>
  <si>
    <t>6,758,870,645</t>
  </si>
  <si>
    <t>6,833,358,000</t>
  </si>
  <si>
    <t>92,082,000</t>
  </si>
  <si>
    <t>6,925,440,000</t>
  </si>
  <si>
    <t>住宅管理費</t>
  </si>
  <si>
    <t>県営住宅管理
事業費</t>
  </si>
  <si>
    <t>県営住宅管理事業会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7"/>
      <name val="ＭＳ ゴシック"/>
      <family val="3"/>
      <charset val="128"/>
    </font>
    <font>
      <sz val="7.5"/>
      <name val="ＭＳ 明朝"/>
      <family val="1"/>
      <charset val="128"/>
    </font>
    <font>
      <sz val="7.5"/>
      <name val="ＭＳ ゴシック"/>
      <family val="3"/>
      <charset val="128"/>
    </font>
    <font>
      <sz val="16"/>
      <name val="ＭＳ 明朝"/>
      <family val="1"/>
      <charset val="128"/>
    </font>
    <font>
      <sz val="12"/>
      <name val="ＭＳ 明朝"/>
      <family val="1"/>
      <charset val="128"/>
    </font>
    <font>
      <sz val="8"/>
      <color theme="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28">
    <xf numFmtId="0" fontId="0" fillId="0" borderId="0" xfId="0"/>
    <xf numFmtId="49" fontId="0" fillId="0" borderId="0" xfId="0" applyNumberFormat="1" applyFont="1" applyAlignment="1">
      <alignment vertical="center"/>
    </xf>
    <xf numFmtId="0" fontId="0" fillId="0" borderId="0" xfId="0" applyFont="1"/>
    <xf numFmtId="49" fontId="2" fillId="0" borderId="0" xfId="0" applyNumberFormat="1" applyFont="1" applyAlignment="1">
      <alignment horizontal="right" vertical="center"/>
    </xf>
    <xf numFmtId="0" fontId="0" fillId="0" borderId="0" xfId="0" applyFont="1" applyBorder="1" applyAlignment="1" applyProtection="1">
      <alignment vertical="top"/>
    </xf>
    <xf numFmtId="49" fontId="3" fillId="0" borderId="0" xfId="0" applyNumberFormat="1" applyFont="1" applyAlignment="1">
      <alignment vertical="center"/>
    </xf>
    <xf numFmtId="49" fontId="3" fillId="0" borderId="0" xfId="0" applyNumberFormat="1" applyFont="1" applyAlignment="1">
      <alignment horizontal="right" vertical="center"/>
    </xf>
    <xf numFmtId="0" fontId="3" fillId="0" borderId="0" xfId="0" applyFont="1" applyBorder="1" applyAlignment="1" applyProtection="1">
      <alignment vertical="top"/>
    </xf>
    <xf numFmtId="49" fontId="4" fillId="0" borderId="0" xfId="0" applyNumberFormat="1" applyFont="1" applyAlignment="1">
      <alignment vertical="center"/>
    </xf>
    <xf numFmtId="49" fontId="4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vertical="center"/>
    </xf>
    <xf numFmtId="49" fontId="7" fillId="0" borderId="0" xfId="0" applyNumberFormat="1" applyFont="1" applyBorder="1" applyAlignment="1">
      <alignment vertical="center"/>
    </xf>
    <xf numFmtId="49" fontId="8" fillId="0" borderId="0" xfId="0" applyNumberFormat="1" applyFont="1" applyAlignment="1">
      <alignment horizontal="right" vertical="center"/>
    </xf>
    <xf numFmtId="0" fontId="4" fillId="0" borderId="0" xfId="0" applyFont="1" applyBorder="1" applyAlignment="1" applyProtection="1">
      <alignment vertical="top"/>
    </xf>
    <xf numFmtId="0" fontId="9" fillId="0" borderId="0" xfId="0" applyFont="1"/>
    <xf numFmtId="49" fontId="10" fillId="0" borderId="0" xfId="0" applyNumberFormat="1" applyFont="1" applyAlignment="1">
      <alignment vertical="center"/>
    </xf>
    <xf numFmtId="0" fontId="10" fillId="0" borderId="0" xfId="0" applyFont="1" applyBorder="1" applyAlignment="1" applyProtection="1">
      <alignment vertical="center"/>
    </xf>
    <xf numFmtId="0" fontId="10" fillId="0" borderId="0" xfId="0" applyFont="1"/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1" fillId="0" borderId="26" xfId="0" applyNumberFormat="1" applyFont="1" applyBorder="1" applyAlignment="1">
      <alignment horizontal="right" vertical="center"/>
    </xf>
    <xf numFmtId="49" fontId="11" fillId="0" borderId="13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horizontal="right" vertical="center"/>
    </xf>
    <xf numFmtId="49" fontId="11" fillId="0" borderId="11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right" vertical="center"/>
    </xf>
    <xf numFmtId="49" fontId="11" fillId="0" borderId="19" xfId="0" applyNumberFormat="1" applyFont="1" applyBorder="1" applyAlignment="1">
      <alignment horizontal="right" vertical="center"/>
    </xf>
    <xf numFmtId="49" fontId="11" fillId="0" borderId="14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left" vertical="center"/>
    </xf>
    <xf numFmtId="49" fontId="11" fillId="0" borderId="26" xfId="0" applyNumberFormat="1" applyFont="1" applyBorder="1" applyAlignment="1">
      <alignment horizontal="left" vertical="top"/>
    </xf>
    <xf numFmtId="49" fontId="11" fillId="0" borderId="27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left" vertical="center"/>
    </xf>
    <xf numFmtId="49" fontId="11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horizontal="right" vertical="center"/>
    </xf>
    <xf numFmtId="49" fontId="11" fillId="0" borderId="18" xfId="0" applyNumberFormat="1" applyFont="1" applyBorder="1" applyAlignment="1">
      <alignment horizontal="right" vertical="center"/>
    </xf>
    <xf numFmtId="49" fontId="11" fillId="0" borderId="0" xfId="0" applyNumberFormat="1" applyFont="1" applyAlignment="1">
      <alignment vertical="center"/>
    </xf>
    <xf numFmtId="0" fontId="11" fillId="0" borderId="0" xfId="0" applyFont="1" applyBorder="1" applyAlignment="1" applyProtection="1">
      <alignment vertical="center"/>
    </xf>
    <xf numFmtId="0" fontId="11" fillId="0" borderId="0" xfId="0" applyFont="1"/>
    <xf numFmtId="49" fontId="10" fillId="0" borderId="9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right" vertical="center"/>
    </xf>
    <xf numFmtId="49" fontId="10" fillId="0" borderId="19" xfId="0" applyNumberFormat="1" applyFont="1" applyBorder="1" applyAlignment="1">
      <alignment horizontal="right" vertical="center"/>
    </xf>
    <xf numFmtId="49" fontId="10" fillId="0" borderId="9" xfId="0" applyNumberFormat="1" applyFont="1" applyBorder="1" applyAlignment="1">
      <alignment horizontal="left" vertical="top"/>
    </xf>
    <xf numFmtId="49" fontId="10" fillId="0" borderId="18" xfId="0" applyNumberFormat="1" applyFont="1" applyBorder="1" applyAlignment="1">
      <alignment horizontal="right" vertical="center"/>
    </xf>
    <xf numFmtId="49" fontId="10" fillId="0" borderId="23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right" vertical="center"/>
    </xf>
    <xf numFmtId="49" fontId="8" fillId="0" borderId="9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49" fontId="8" fillId="0" borderId="1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right" vertical="center"/>
    </xf>
    <xf numFmtId="49" fontId="8" fillId="0" borderId="19" xfId="0" applyNumberFormat="1" applyFont="1" applyBorder="1" applyAlignment="1">
      <alignment horizontal="right" vertical="center"/>
    </xf>
    <xf numFmtId="49" fontId="8" fillId="0" borderId="0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left" vertical="center"/>
    </xf>
    <xf numFmtId="49" fontId="8" fillId="0" borderId="9" xfId="0" applyNumberFormat="1" applyFont="1" applyBorder="1" applyAlignment="1">
      <alignment horizontal="left" vertical="top"/>
    </xf>
    <xf numFmtId="49" fontId="8" fillId="0" borderId="18" xfId="0" applyNumberFormat="1" applyFont="1" applyBorder="1" applyAlignment="1">
      <alignment horizontal="right" vertical="center"/>
    </xf>
    <xf numFmtId="0" fontId="0" fillId="0" borderId="0" xfId="0" applyAlignment="1"/>
    <xf numFmtId="49" fontId="13" fillId="0" borderId="0" xfId="0" applyNumberFormat="1" applyFont="1" applyBorder="1" applyAlignment="1">
      <alignment horizontal="left" vertical="center"/>
    </xf>
    <xf numFmtId="49" fontId="13" fillId="0" borderId="0" xfId="0" applyNumberFormat="1" applyFont="1" applyBorder="1" applyAlignment="1">
      <alignment vertical="center"/>
    </xf>
    <xf numFmtId="49" fontId="13" fillId="0" borderId="0" xfId="0" applyNumberFormat="1" applyFont="1" applyBorder="1" applyAlignment="1">
      <alignment horizontal="right" vertical="center"/>
    </xf>
    <xf numFmtId="49" fontId="13" fillId="0" borderId="18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8" fillId="0" borderId="13" xfId="0" applyNumberFormat="1" applyFont="1" applyBorder="1" applyAlignment="1">
      <alignment horizontal="lef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3" xfId="0" applyNumberFormat="1" applyFont="1" applyBorder="1" applyAlignment="1">
      <alignment horizontal="left" vertical="center"/>
    </xf>
    <xf numFmtId="49" fontId="10" fillId="0" borderId="13" xfId="0" applyNumberFormat="1" applyFont="1" applyBorder="1" applyAlignment="1">
      <alignment horizontal="right" vertical="center"/>
    </xf>
    <xf numFmtId="49" fontId="10" fillId="0" borderId="14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right" vertical="center"/>
    </xf>
    <xf numFmtId="49" fontId="10" fillId="0" borderId="26" xfId="0" applyNumberFormat="1" applyFont="1" applyBorder="1" applyAlignment="1">
      <alignment horizontal="left" vertical="top"/>
    </xf>
    <xf numFmtId="49" fontId="10" fillId="0" borderId="27" xfId="0" applyNumberFormat="1" applyFont="1" applyBorder="1" applyAlignment="1">
      <alignment horizontal="right" vertical="center"/>
    </xf>
    <xf numFmtId="49" fontId="11" fillId="0" borderId="15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vertical="center"/>
    </xf>
    <xf numFmtId="49" fontId="10" fillId="0" borderId="26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left" vertical="center"/>
    </xf>
    <xf numFmtId="49" fontId="10" fillId="0" borderId="30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right" vertical="center"/>
    </xf>
    <xf numFmtId="49" fontId="10" fillId="0" borderId="31" xfId="0" applyNumberFormat="1" applyFont="1" applyBorder="1" applyAlignment="1">
      <alignment horizontal="right" vertical="center"/>
    </xf>
    <xf numFmtId="49" fontId="10" fillId="0" borderId="32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left" vertical="top"/>
    </xf>
    <xf numFmtId="49" fontId="10" fillId="0" borderId="33" xfId="0" applyNumberFormat="1" applyFont="1" applyBorder="1" applyAlignment="1">
      <alignment horizontal="right" vertical="center"/>
    </xf>
    <xf numFmtId="49" fontId="11" fillId="0" borderId="32" xfId="0" applyNumberFormat="1" applyFont="1" applyBorder="1" applyAlignment="1">
      <alignment horizontal="left" vertical="center"/>
    </xf>
    <xf numFmtId="49" fontId="11" fillId="0" borderId="32" xfId="0" applyNumberFormat="1" applyFont="1" applyBorder="1" applyAlignment="1">
      <alignment vertical="center"/>
    </xf>
    <xf numFmtId="49" fontId="11" fillId="0" borderId="32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left" vertical="center"/>
    </xf>
    <xf numFmtId="49" fontId="10" fillId="0" borderId="22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left" vertical="top"/>
    </xf>
    <xf numFmtId="49" fontId="10" fillId="0" borderId="25" xfId="0" applyNumberFormat="1" applyFont="1" applyBorder="1" applyAlignment="1">
      <alignment horizontal="right" vertical="center"/>
    </xf>
    <xf numFmtId="49" fontId="11" fillId="0" borderId="24" xfId="0" applyNumberFormat="1" applyFont="1" applyBorder="1" applyAlignment="1">
      <alignment horizontal="left" vertical="center"/>
    </xf>
    <xf numFmtId="49" fontId="11" fillId="0" borderId="24" xfId="0" applyNumberFormat="1" applyFont="1" applyBorder="1" applyAlignment="1">
      <alignment vertical="center"/>
    </xf>
    <xf numFmtId="49" fontId="11" fillId="0" borderId="24" xfId="0" applyNumberFormat="1" applyFont="1" applyBorder="1" applyAlignment="1">
      <alignment horizontal="right" vertical="center"/>
    </xf>
    <xf numFmtId="49" fontId="11" fillId="0" borderId="25" xfId="0" applyNumberFormat="1" applyFont="1" applyBorder="1" applyAlignment="1">
      <alignment horizontal="right" vertical="center"/>
    </xf>
    <xf numFmtId="49" fontId="8" fillId="0" borderId="28" xfId="0" applyNumberFormat="1" applyFont="1" applyBorder="1" applyAlignment="1">
      <alignment horizontal="right" vertical="center"/>
    </xf>
    <xf numFmtId="49" fontId="8" fillId="0" borderId="20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distributed" vertical="center"/>
    </xf>
    <xf numFmtId="49" fontId="10" fillId="0" borderId="21" xfId="0" applyNumberFormat="1" applyFont="1" applyBorder="1" applyAlignment="1">
      <alignment horizontal="distributed" vertical="center"/>
    </xf>
    <xf numFmtId="49" fontId="8" fillId="0" borderId="12" xfId="0" applyNumberFormat="1" applyFont="1" applyBorder="1" applyAlignment="1">
      <alignment horizontal="right" vertical="center"/>
    </xf>
    <xf numFmtId="49" fontId="8" fillId="0" borderId="13" xfId="0" applyNumberFormat="1" applyFont="1" applyBorder="1" applyAlignment="1">
      <alignment horizontal="right" vertical="center"/>
    </xf>
    <xf numFmtId="49" fontId="8" fillId="0" borderId="14" xfId="0" applyNumberFormat="1" applyFont="1" applyBorder="1" applyAlignment="1">
      <alignment horizontal="right" vertical="center"/>
    </xf>
    <xf numFmtId="49" fontId="8" fillId="0" borderId="15" xfId="0" applyNumberFormat="1" applyFont="1" applyBorder="1" applyAlignment="1">
      <alignment horizontal="right" vertical="center"/>
    </xf>
    <xf numFmtId="49" fontId="8" fillId="0" borderId="26" xfId="0" applyNumberFormat="1" applyFont="1" applyBorder="1" applyAlignment="1">
      <alignment horizontal="left" vertical="top"/>
    </xf>
    <xf numFmtId="49" fontId="8" fillId="0" borderId="27" xfId="0" applyNumberFormat="1" applyFont="1" applyBorder="1" applyAlignment="1">
      <alignment horizontal="right" vertical="center"/>
    </xf>
    <xf numFmtId="49" fontId="13" fillId="0" borderId="15" xfId="0" applyNumberFormat="1" applyFont="1" applyBorder="1" applyAlignment="1">
      <alignment horizontal="left" vertical="center"/>
    </xf>
    <xf numFmtId="49" fontId="13" fillId="0" borderId="15" xfId="0" applyNumberFormat="1" applyFont="1" applyBorder="1" applyAlignment="1">
      <alignment vertical="center"/>
    </xf>
    <xf numFmtId="49" fontId="13" fillId="0" borderId="15" xfId="0" applyNumberFormat="1" applyFont="1" applyBorder="1" applyAlignment="1">
      <alignment horizontal="right" vertical="center"/>
    </xf>
    <xf numFmtId="49" fontId="13" fillId="0" borderId="27" xfId="0" applyNumberFormat="1" applyFont="1" applyBorder="1" applyAlignment="1">
      <alignment horizontal="right" vertical="center"/>
    </xf>
    <xf numFmtId="49" fontId="8" fillId="0" borderId="29" xfId="0" applyNumberFormat="1" applyFont="1" applyBorder="1" applyAlignment="1">
      <alignment horizontal="distributed" vertical="center"/>
    </xf>
    <xf numFmtId="49" fontId="8" fillId="0" borderId="21" xfId="0" applyNumberFormat="1" applyFont="1" applyBorder="1" applyAlignment="1">
      <alignment horizontal="distributed" vertical="center"/>
    </xf>
    <xf numFmtId="0" fontId="0" fillId="0" borderId="15" xfId="0" applyBorder="1" applyAlignment="1"/>
    <xf numFmtId="0" fontId="0" fillId="0" borderId="32" xfId="0" applyBorder="1" applyAlignment="1"/>
    <xf numFmtId="49" fontId="13" fillId="0" borderId="32" xfId="0" applyNumberFormat="1" applyFont="1" applyBorder="1" applyAlignment="1">
      <alignment horizontal="left" vertical="center"/>
    </xf>
    <xf numFmtId="49" fontId="13" fillId="0" borderId="32" xfId="0" applyNumberFormat="1" applyFont="1" applyBorder="1" applyAlignment="1">
      <alignment vertical="center"/>
    </xf>
    <xf numFmtId="49" fontId="13" fillId="0" borderId="32" xfId="0" applyNumberFormat="1" applyFont="1" applyBorder="1" applyAlignment="1">
      <alignment horizontal="right" vertical="center"/>
    </xf>
    <xf numFmtId="49" fontId="13" fillId="0" borderId="33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2" fillId="0" borderId="0" xfId="0" applyNumberFormat="1" applyFont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49" fontId="8" fillId="0" borderId="9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right" vertical="center"/>
    </xf>
    <xf numFmtId="49" fontId="7" fillId="0" borderId="0" xfId="0" applyNumberFormat="1" applyFont="1" applyAlignment="1">
      <alignment vertical="center"/>
    </xf>
    <xf numFmtId="0" fontId="10" fillId="0" borderId="1" xfId="0" applyFont="1" applyBorder="1"/>
    <xf numFmtId="0" fontId="10" fillId="0" borderId="8" xfId="0" applyFont="1" applyBorder="1"/>
    <xf numFmtId="0" fontId="13" fillId="0" borderId="8" xfId="0" applyFont="1" applyBorder="1"/>
    <xf numFmtId="0" fontId="13" fillId="0" borderId="7" xfId="0" applyFont="1" applyBorder="1"/>
    <xf numFmtId="0" fontId="10" fillId="0" borderId="9" xfId="0" applyFont="1" applyBorder="1"/>
    <xf numFmtId="0" fontId="10" fillId="0" borderId="0" xfId="0" applyFont="1" applyBorder="1"/>
    <xf numFmtId="0" fontId="10" fillId="0" borderId="18" xfId="0" applyFont="1" applyBorder="1"/>
    <xf numFmtId="0" fontId="10" fillId="0" borderId="28" xfId="0" applyFont="1" applyBorder="1"/>
    <xf numFmtId="0" fontId="10" fillId="0" borderId="32" xfId="0" applyFont="1" applyBorder="1"/>
    <xf numFmtId="0" fontId="10" fillId="0" borderId="33" xfId="0" applyFont="1" applyBorder="1"/>
    <xf numFmtId="0" fontId="10" fillId="0" borderId="7" xfId="0" applyFont="1" applyBorder="1"/>
    <xf numFmtId="49" fontId="13" fillId="0" borderId="11" xfId="0" applyNumberFormat="1" applyFont="1" applyBorder="1" applyAlignment="1">
      <alignment horizontal="left" vertical="center"/>
    </xf>
    <xf numFmtId="49" fontId="10" fillId="0" borderId="13" xfId="0" applyNumberFormat="1" applyFont="1" applyBorder="1" applyAlignment="1">
      <alignment horizontal="distributed" vertical="center"/>
    </xf>
    <xf numFmtId="49" fontId="2" fillId="0" borderId="0" xfId="0" applyNumberFormat="1" applyFont="1" applyAlignment="1">
      <alignment horizontal="right" vertical="center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8" fillId="0" borderId="10" xfId="0" applyNumberFormat="1" applyFont="1" applyBorder="1" applyAlignment="1">
      <alignment horizontal="distributed" vertical="center"/>
    </xf>
    <xf numFmtId="49" fontId="8" fillId="0" borderId="9" xfId="0" applyNumberFormat="1" applyFont="1" applyBorder="1" applyAlignment="1">
      <alignment horizontal="right" vertical="center"/>
    </xf>
    <xf numFmtId="49" fontId="10" fillId="0" borderId="22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right" vertical="center"/>
    </xf>
    <xf numFmtId="0" fontId="13" fillId="0" borderId="0" xfId="0" applyFont="1"/>
    <xf numFmtId="49" fontId="10" fillId="0" borderId="12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8" fillId="0" borderId="10" xfId="0" applyNumberFormat="1" applyFont="1" applyBorder="1" applyAlignment="1">
      <alignment horizontal="distributed" vertical="center"/>
    </xf>
    <xf numFmtId="49" fontId="10" fillId="0" borderId="22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right" vertical="center"/>
    </xf>
    <xf numFmtId="49" fontId="13" fillId="0" borderId="30" xfId="0" applyNumberFormat="1" applyFont="1" applyBorder="1" applyAlignment="1">
      <alignment horizontal="left" vertical="center"/>
    </xf>
    <xf numFmtId="49" fontId="10" fillId="0" borderId="40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right" vertical="center" shrinkToFit="1"/>
    </xf>
    <xf numFmtId="49" fontId="10" fillId="0" borderId="31" xfId="0" applyNumberFormat="1" applyFont="1" applyBorder="1" applyAlignment="1">
      <alignment horizontal="right" vertical="center" shrinkToFit="1"/>
    </xf>
    <xf numFmtId="49" fontId="10" fillId="0" borderId="32" xfId="0" applyNumberFormat="1" applyFont="1" applyBorder="1" applyAlignment="1">
      <alignment horizontal="left" vertical="center"/>
    </xf>
    <xf numFmtId="49" fontId="13" fillId="0" borderId="11" xfId="0" applyNumberFormat="1" applyFont="1" applyBorder="1" applyAlignment="1">
      <alignment vertical="center"/>
    </xf>
    <xf numFmtId="49" fontId="8" fillId="0" borderId="41" xfId="0" applyNumberFormat="1" applyFont="1" applyBorder="1" applyAlignment="1">
      <alignment horizontal="right" vertical="center" shrinkToFit="1"/>
    </xf>
    <xf numFmtId="49" fontId="8" fillId="0" borderId="0" xfId="0" applyNumberFormat="1" applyFont="1" applyBorder="1" applyAlignment="1">
      <alignment horizontal="right" vertical="center" shrinkToFit="1"/>
    </xf>
    <xf numFmtId="49" fontId="8" fillId="0" borderId="19" xfId="0" applyNumberFormat="1" applyFont="1" applyBorder="1" applyAlignment="1">
      <alignment horizontal="right" vertical="center" shrinkToFit="1"/>
    </xf>
    <xf numFmtId="49" fontId="13" fillId="0" borderId="12" xfId="0" applyNumberFormat="1" applyFont="1" applyBorder="1" applyAlignment="1">
      <alignment horizontal="left" vertical="center"/>
    </xf>
    <xf numFmtId="49" fontId="8" fillId="0" borderId="42" xfId="0" applyNumberFormat="1" applyFont="1" applyBorder="1" applyAlignment="1">
      <alignment horizontal="right" vertical="center"/>
    </xf>
    <xf numFmtId="49" fontId="8" fillId="0" borderId="13" xfId="0" applyNumberFormat="1" applyFont="1" applyBorder="1" applyAlignment="1">
      <alignment horizontal="right" vertical="center" shrinkToFit="1"/>
    </xf>
    <xf numFmtId="49" fontId="8" fillId="0" borderId="14" xfId="0" applyNumberFormat="1" applyFont="1" applyBorder="1" applyAlignment="1">
      <alignment horizontal="right" vertical="center" shrinkToFit="1"/>
    </xf>
    <xf numFmtId="49" fontId="10" fillId="0" borderId="15" xfId="0" applyNumberFormat="1" applyFont="1" applyBorder="1" applyAlignment="1">
      <alignment horizontal="left" vertical="center"/>
    </xf>
    <xf numFmtId="49" fontId="11" fillId="0" borderId="11" xfId="0" applyNumberFormat="1" applyFont="1" applyBorder="1" applyAlignment="1">
      <alignment horizontal="left" vertical="center"/>
    </xf>
    <xf numFmtId="49" fontId="10" fillId="0" borderId="4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right" vertical="center" shrinkToFit="1"/>
    </xf>
    <xf numFmtId="49" fontId="10" fillId="0" borderId="19" xfId="0" applyNumberFormat="1" applyFont="1" applyBorder="1" applyAlignment="1">
      <alignment horizontal="right" vertical="center" shrinkToFit="1"/>
    </xf>
    <xf numFmtId="49" fontId="10" fillId="0" borderId="0" xfId="0" applyNumberFormat="1" applyFont="1" applyBorder="1" applyAlignment="1">
      <alignment horizontal="distributed" vertical="center"/>
    </xf>
    <xf numFmtId="49" fontId="10" fillId="0" borderId="0" xfId="0" applyNumberFormat="1" applyFont="1" applyBorder="1" applyAlignment="1">
      <alignment horizontal="left" vertical="center"/>
    </xf>
    <xf numFmtId="49" fontId="11" fillId="0" borderId="12" xfId="0" applyNumberFormat="1" applyFont="1" applyBorder="1" applyAlignment="1">
      <alignment horizontal="left" vertical="center"/>
    </xf>
    <xf numFmtId="49" fontId="10" fillId="0" borderId="42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right" vertical="center" shrinkToFit="1"/>
    </xf>
    <xf numFmtId="49" fontId="10" fillId="0" borderId="14" xfId="0" applyNumberFormat="1" applyFont="1" applyBorder="1" applyAlignment="1">
      <alignment horizontal="right" vertical="center" shrinkToFit="1"/>
    </xf>
    <xf numFmtId="49" fontId="11" fillId="0" borderId="22" xfId="0" applyNumberFormat="1" applyFont="1" applyBorder="1" applyAlignment="1">
      <alignment horizontal="left" vertical="center"/>
    </xf>
    <xf numFmtId="49" fontId="10" fillId="0" borderId="43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right" vertical="center" shrinkToFit="1"/>
    </xf>
    <xf numFmtId="49" fontId="10" fillId="0" borderId="23" xfId="0" applyNumberFormat="1" applyFont="1" applyBorder="1" applyAlignment="1">
      <alignment horizontal="right" vertical="center" shrinkToFit="1"/>
    </xf>
    <xf numFmtId="49" fontId="10" fillId="0" borderId="24" xfId="0" applyNumberFormat="1" applyFont="1" applyBorder="1" applyAlignment="1">
      <alignment horizontal="left" vertical="center"/>
    </xf>
    <xf numFmtId="49" fontId="8" fillId="0" borderId="4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right" vertical="center" shrinkToFit="1"/>
    </xf>
    <xf numFmtId="49" fontId="8" fillId="0" borderId="0" xfId="0" applyNumberFormat="1" applyFont="1" applyBorder="1" applyAlignment="1">
      <alignment horizontal="distributed" vertical="center"/>
    </xf>
    <xf numFmtId="49" fontId="11" fillId="0" borderId="41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horizontal="right" vertical="center"/>
    </xf>
    <xf numFmtId="49" fontId="6" fillId="0" borderId="0" xfId="0" applyNumberFormat="1" applyFont="1" applyAlignment="1">
      <alignment vertical="center"/>
    </xf>
    <xf numFmtId="49" fontId="16" fillId="0" borderId="0" xfId="0" applyNumberFormat="1" applyFont="1" applyAlignment="1">
      <alignment vertical="center"/>
    </xf>
    <xf numFmtId="0" fontId="17" fillId="0" borderId="0" xfId="0" applyFont="1" applyBorder="1" applyAlignment="1" applyProtection="1">
      <alignment vertical="top"/>
    </xf>
    <xf numFmtId="49" fontId="17" fillId="0" borderId="0" xfId="0" applyNumberFormat="1" applyFont="1" applyAlignment="1">
      <alignment vertical="center"/>
    </xf>
    <xf numFmtId="49" fontId="10" fillId="0" borderId="24" xfId="0" applyNumberFormat="1" applyFont="1" applyBorder="1" applyAlignment="1">
      <alignment horizontal="distributed" vertical="center"/>
    </xf>
    <xf numFmtId="0" fontId="13" fillId="0" borderId="18" xfId="0" applyFont="1" applyBorder="1"/>
    <xf numFmtId="0" fontId="13" fillId="0" borderId="0" xfId="0" applyFont="1" applyBorder="1"/>
    <xf numFmtId="49" fontId="11" fillId="0" borderId="30" xfId="0" applyNumberFormat="1" applyFont="1" applyBorder="1" applyAlignment="1">
      <alignment horizontal="left" vertical="center"/>
    </xf>
    <xf numFmtId="49" fontId="10" fillId="0" borderId="32" xfId="0" applyNumberFormat="1" applyFont="1" applyBorder="1" applyAlignment="1">
      <alignment horizontal="distributed" vertical="center"/>
    </xf>
    <xf numFmtId="49" fontId="10" fillId="0" borderId="12" xfId="0" applyNumberFormat="1" applyFont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0" fontId="0" fillId="0" borderId="22" xfId="0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0" fontId="0" fillId="0" borderId="10" xfId="0" applyBorder="1" applyAlignment="1">
      <alignment horizontal="distributed" vertical="center"/>
    </xf>
    <xf numFmtId="0" fontId="0" fillId="0" borderId="21" xfId="0" applyBorder="1" applyAlignment="1">
      <alignment horizontal="distributed" vertical="center"/>
    </xf>
    <xf numFmtId="49" fontId="14" fillId="0" borderId="13" xfId="0" applyNumberFormat="1" applyFont="1" applyBorder="1" applyAlignment="1">
      <alignment horizontal="distributed" vertical="center" wrapText="1"/>
    </xf>
    <xf numFmtId="0" fontId="14" fillId="0" borderId="10" xfId="0" applyFont="1" applyBorder="1" applyAlignment="1">
      <alignment horizontal="distributed" vertical="center"/>
    </xf>
    <xf numFmtId="0" fontId="14" fillId="0" borderId="21" xfId="0" applyFont="1" applyBorder="1" applyAlignment="1">
      <alignment horizontal="distributed" vertical="center"/>
    </xf>
    <xf numFmtId="49" fontId="10" fillId="0" borderId="15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4" xfId="0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 wrapText="1"/>
    </xf>
    <xf numFmtId="49" fontId="2" fillId="0" borderId="0" xfId="0" applyNumberFormat="1" applyFont="1" applyAlignment="1">
      <alignment horizontal="right" vertical="center"/>
    </xf>
    <xf numFmtId="49" fontId="2" fillId="0" borderId="0" xfId="0" applyNumberFormat="1" applyFont="1" applyAlignment="1">
      <alignment horizontal="left" vertical="center"/>
    </xf>
    <xf numFmtId="49" fontId="10" fillId="0" borderId="1" xfId="0" applyNumberFormat="1" applyFont="1" applyBorder="1" applyAlignment="1">
      <alignment horizontal="distributed" vertical="center" justifyLastLine="1"/>
    </xf>
    <xf numFmtId="49" fontId="10" fillId="0" borderId="2" xfId="0" applyNumberFormat="1" applyFont="1" applyBorder="1" applyAlignment="1">
      <alignment horizontal="distributed" vertical="center" justifyLastLine="1"/>
    </xf>
    <xf numFmtId="49" fontId="10" fillId="0" borderId="9" xfId="0" applyNumberFormat="1" applyFont="1" applyBorder="1" applyAlignment="1">
      <alignment horizontal="distributed" vertical="center" justifyLastLine="1"/>
    </xf>
    <xf numFmtId="49" fontId="10" fillId="0" borderId="10" xfId="0" applyNumberFormat="1" applyFont="1" applyBorder="1" applyAlignment="1">
      <alignment horizontal="distributed" vertical="center" justifyLastLine="1"/>
    </xf>
    <xf numFmtId="49" fontId="10" fillId="0" borderId="20" xfId="0" applyNumberFormat="1" applyFont="1" applyBorder="1" applyAlignment="1">
      <alignment horizontal="distributed" vertical="center" justifyLastLine="1"/>
    </xf>
    <xf numFmtId="49" fontId="10" fillId="0" borderId="21" xfId="0" applyNumberFormat="1" applyFont="1" applyBorder="1" applyAlignment="1">
      <alignment horizontal="distributed" vertical="center" justifyLastLine="1"/>
    </xf>
    <xf numFmtId="49" fontId="10" fillId="0" borderId="3" xfId="0" applyNumberFormat="1" applyFont="1" applyBorder="1" applyAlignment="1">
      <alignment horizontal="distributed" vertical="center" justifyLastLine="1"/>
    </xf>
    <xf numFmtId="49" fontId="10" fillId="0" borderId="11" xfId="0" applyNumberFormat="1" applyFont="1" applyBorder="1" applyAlignment="1">
      <alignment horizontal="distributed" vertical="center" justifyLastLine="1"/>
    </xf>
    <xf numFmtId="49" fontId="10" fillId="0" borderId="22" xfId="0" applyNumberFormat="1" applyFont="1" applyBorder="1" applyAlignment="1">
      <alignment horizontal="distributed" vertical="center" justifyLastLine="1"/>
    </xf>
    <xf numFmtId="49" fontId="10" fillId="0" borderId="4" xfId="0" applyNumberFormat="1" applyFont="1" applyBorder="1" applyAlignment="1">
      <alignment horizontal="distributed" vertical="center" justifyLastLine="1"/>
    </xf>
    <xf numFmtId="49" fontId="10" fillId="0" borderId="5" xfId="0" applyNumberFormat="1" applyFont="1" applyBorder="1" applyAlignment="1">
      <alignment horizontal="distributed" vertical="center" justifyLastLine="1"/>
    </xf>
    <xf numFmtId="49" fontId="10" fillId="0" borderId="6" xfId="0" applyNumberFormat="1" applyFont="1" applyBorder="1" applyAlignment="1">
      <alignment horizontal="distributed" vertical="center" justifyLastLine="1"/>
    </xf>
    <xf numFmtId="49" fontId="10" fillId="0" borderId="7" xfId="0" applyNumberFormat="1" applyFont="1" applyBorder="1" applyAlignment="1">
      <alignment horizontal="distributed" vertical="center" justifyLastLine="1"/>
    </xf>
    <xf numFmtId="49" fontId="10" fillId="0" borderId="18" xfId="0" applyNumberFormat="1" applyFont="1" applyBorder="1" applyAlignment="1">
      <alignment horizontal="distributed" vertical="center" justifyLastLine="1"/>
    </xf>
    <xf numFmtId="49" fontId="10" fillId="0" borderId="25" xfId="0" applyNumberFormat="1" applyFont="1" applyBorder="1" applyAlignment="1">
      <alignment horizontal="distributed" vertical="center" justifyLastLine="1"/>
    </xf>
    <xf numFmtId="49" fontId="8" fillId="0" borderId="9" xfId="0" applyNumberFormat="1" applyFont="1" applyBorder="1" applyAlignment="1">
      <alignment horizontal="distributed" vertical="center" justifyLastLine="1"/>
    </xf>
    <xf numFmtId="49" fontId="8" fillId="0" borderId="0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8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/>
    </xf>
    <xf numFmtId="49" fontId="10" fillId="0" borderId="13" xfId="0" applyNumberFormat="1" applyFont="1" applyBorder="1" applyAlignment="1">
      <alignment horizontal="distributed" vertical="center" justifyLastLine="1"/>
    </xf>
    <xf numFmtId="49" fontId="11" fillId="0" borderId="14" xfId="0" applyNumberFormat="1" applyFont="1" applyBorder="1" applyAlignment="1">
      <alignment horizontal="center" vertical="center" wrapText="1"/>
    </xf>
    <xf numFmtId="49" fontId="10" fillId="0" borderId="19" xfId="0" applyNumberFormat="1" applyFont="1" applyBorder="1" applyAlignment="1">
      <alignment horizontal="center" vertical="center"/>
    </xf>
    <xf numFmtId="49" fontId="10" fillId="0" borderId="23" xfId="0" applyNumberFormat="1" applyFont="1" applyBorder="1" applyAlignment="1">
      <alignment horizontal="center" vertical="center"/>
    </xf>
    <xf numFmtId="49" fontId="10" fillId="0" borderId="14" xfId="0" applyNumberFormat="1" applyFont="1" applyBorder="1" applyAlignment="1">
      <alignment horizontal="distributed" vertical="center" justifyLastLine="1"/>
    </xf>
    <xf numFmtId="49" fontId="10" fillId="0" borderId="19" xfId="0" applyNumberFormat="1" applyFont="1" applyBorder="1" applyAlignment="1">
      <alignment horizontal="distributed" vertical="center" justifyLastLine="1"/>
    </xf>
    <xf numFmtId="49" fontId="10" fillId="0" borderId="23" xfId="0" applyNumberFormat="1" applyFont="1" applyBorder="1" applyAlignment="1">
      <alignment horizontal="distributed" vertical="center" justifyLastLine="1"/>
    </xf>
    <xf numFmtId="49" fontId="10" fillId="0" borderId="16" xfId="0" applyNumberFormat="1" applyFont="1" applyBorder="1" applyAlignment="1">
      <alignment horizontal="distributed" vertical="center" justifyLastLine="1"/>
    </xf>
    <xf numFmtId="49" fontId="10" fillId="0" borderId="17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 shrinkToFit="1"/>
    </xf>
    <xf numFmtId="49" fontId="10" fillId="0" borderId="13" xfId="0" applyNumberFormat="1" applyFont="1" applyBorder="1" applyAlignment="1">
      <alignment horizontal="distributed" vertical="center" justifyLastLine="1" shrinkToFit="1"/>
    </xf>
    <xf numFmtId="49" fontId="10" fillId="0" borderId="11" xfId="0" applyNumberFormat="1" applyFont="1" applyBorder="1" applyAlignment="1">
      <alignment horizontal="distributed" vertical="center" justifyLastLine="1" shrinkToFit="1"/>
    </xf>
    <xf numFmtId="49" fontId="10" fillId="0" borderId="10" xfId="0" applyNumberFormat="1" applyFont="1" applyBorder="1" applyAlignment="1">
      <alignment horizontal="distributed" vertical="center" justifyLastLine="1" shrinkToFit="1"/>
    </xf>
    <xf numFmtId="49" fontId="10" fillId="0" borderId="22" xfId="0" applyNumberFormat="1" applyFont="1" applyBorder="1" applyAlignment="1">
      <alignment horizontal="distributed" vertical="center" justifyLastLine="1" shrinkToFit="1"/>
    </xf>
    <xf numFmtId="49" fontId="10" fillId="0" borderId="21" xfId="0" applyNumberFormat="1" applyFont="1" applyBorder="1" applyAlignment="1">
      <alignment horizontal="distributed" vertical="center" justifyLastLine="1" shrinkToFit="1"/>
    </xf>
    <xf numFmtId="49" fontId="8" fillId="0" borderId="10" xfId="0" applyNumberFormat="1" applyFont="1" applyBorder="1" applyAlignment="1">
      <alignment horizontal="distributed" vertical="center" wrapText="1"/>
    </xf>
    <xf numFmtId="49" fontId="8" fillId="0" borderId="9" xfId="0" applyNumberFormat="1" applyFont="1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49" fontId="8" fillId="0" borderId="11" xfId="0" applyNumberFormat="1" applyFont="1" applyBorder="1" applyAlignment="1">
      <alignment horizontal="right" vertical="center" shrinkToFit="1"/>
    </xf>
    <xf numFmtId="49" fontId="8" fillId="0" borderId="10" xfId="0" applyNumberFormat="1" applyFont="1" applyBorder="1" applyAlignment="1">
      <alignment horizontal="right" vertical="center" shrinkToFit="1"/>
    </xf>
    <xf numFmtId="49" fontId="10" fillId="0" borderId="44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wrapText="1" justifyLastLine="1"/>
    </xf>
    <xf numFmtId="49" fontId="11" fillId="0" borderId="19" xfId="0" applyNumberFormat="1" applyFont="1" applyBorder="1" applyAlignment="1">
      <alignment horizontal="center" vertical="center" wrapText="1"/>
    </xf>
    <xf numFmtId="49" fontId="11" fillId="0" borderId="23" xfId="0" applyNumberFormat="1" applyFont="1" applyBorder="1" applyAlignment="1">
      <alignment horizontal="center" vertical="center" wrapText="1"/>
    </xf>
    <xf numFmtId="49" fontId="11" fillId="0" borderId="12" xfId="0" applyNumberFormat="1" applyFont="1" applyBorder="1" applyAlignment="1">
      <alignment horizontal="center" vertical="center" wrapText="1"/>
    </xf>
    <xf numFmtId="49" fontId="11" fillId="0" borderId="13" xfId="0" applyNumberFormat="1" applyFont="1" applyBorder="1" applyAlignment="1">
      <alignment horizontal="center" vertical="center" wrapText="1"/>
    </xf>
    <xf numFmtId="49" fontId="11" fillId="0" borderId="11" xfId="0" applyNumberFormat="1" applyFont="1" applyBorder="1" applyAlignment="1">
      <alignment horizontal="center" vertical="center" wrapText="1"/>
    </xf>
    <xf numFmtId="49" fontId="11" fillId="0" borderId="10" xfId="0" applyNumberFormat="1" applyFont="1" applyBorder="1" applyAlignment="1">
      <alignment horizontal="center" vertical="center" wrapText="1"/>
    </xf>
    <xf numFmtId="49" fontId="11" fillId="0" borderId="22" xfId="0" applyNumberFormat="1" applyFont="1" applyBorder="1" applyAlignment="1">
      <alignment horizontal="center" vertical="center" wrapText="1"/>
    </xf>
    <xf numFmtId="49" fontId="11" fillId="0" borderId="21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distributed" vertical="center"/>
    </xf>
    <xf numFmtId="49" fontId="10" fillId="0" borderId="0" xfId="0" applyNumberFormat="1" applyFont="1" applyBorder="1" applyAlignment="1">
      <alignment horizontal="distributed" vertical="center"/>
    </xf>
    <xf numFmtId="49" fontId="10" fillId="0" borderId="10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distributed" vertical="center"/>
    </xf>
    <xf numFmtId="49" fontId="10" fillId="0" borderId="21" xfId="0" applyNumberFormat="1" applyFont="1" applyBorder="1" applyAlignment="1">
      <alignment horizontal="distributed" vertical="center"/>
    </xf>
    <xf numFmtId="49" fontId="10" fillId="0" borderId="45" xfId="0" applyNumberFormat="1" applyFont="1" applyBorder="1" applyAlignment="1">
      <alignment horizontal="distributed" vertical="center" justifyLastLine="1"/>
    </xf>
    <xf numFmtId="49" fontId="10" fillId="0" borderId="41" xfId="0" applyNumberFormat="1" applyFont="1" applyBorder="1" applyAlignment="1">
      <alignment horizontal="distributed" vertical="center" justifyLastLine="1"/>
    </xf>
    <xf numFmtId="49" fontId="10" fillId="0" borderId="43" xfId="0" applyNumberFormat="1" applyFont="1" applyBorder="1" applyAlignment="1">
      <alignment horizontal="distributed" vertical="center" justifyLastLine="1"/>
    </xf>
    <xf numFmtId="49" fontId="8" fillId="0" borderId="10" xfId="0" applyNumberFormat="1" applyFont="1" applyBorder="1" applyAlignment="1">
      <alignment horizontal="distributed" vertical="center"/>
    </xf>
    <xf numFmtId="0" fontId="0" fillId="0" borderId="10" xfId="0" applyBorder="1" applyAlignment="1">
      <alignment vertical="center"/>
    </xf>
    <xf numFmtId="0" fontId="0" fillId="0" borderId="21" xfId="0" applyBorder="1" applyAlignment="1">
      <alignment vertical="center"/>
    </xf>
    <xf numFmtId="49" fontId="8" fillId="0" borderId="0" xfId="0" applyNumberFormat="1" applyFont="1" applyBorder="1" applyAlignment="1">
      <alignment horizontal="right" vertical="center"/>
    </xf>
    <xf numFmtId="49" fontId="11" fillId="0" borderId="13" xfId="0" applyNumberFormat="1" applyFont="1" applyBorder="1" applyAlignment="1">
      <alignment horizontal="distributed" vertical="center" wrapText="1"/>
    </xf>
    <xf numFmtId="0" fontId="11" fillId="0" borderId="10" xfId="0" applyFont="1" applyBorder="1" applyAlignment="1">
      <alignment horizontal="distributed" vertical="center"/>
    </xf>
    <xf numFmtId="0" fontId="11" fillId="0" borderId="21" xfId="0" applyFont="1" applyBorder="1" applyAlignment="1">
      <alignment horizontal="distributed" vertical="center"/>
    </xf>
    <xf numFmtId="49" fontId="13" fillId="0" borderId="10" xfId="0" applyNumberFormat="1" applyFont="1" applyBorder="1" applyAlignment="1">
      <alignment horizontal="distributed" vertical="center" wrapText="1"/>
    </xf>
    <xf numFmtId="49" fontId="15" fillId="0" borderId="10" xfId="0" applyNumberFormat="1" applyFont="1" applyBorder="1" applyAlignment="1">
      <alignment horizontal="distributed" vertical="center" wrapText="1"/>
    </xf>
    <xf numFmtId="49" fontId="10" fillId="0" borderId="14" xfId="0" applyNumberFormat="1" applyFont="1" applyBorder="1" applyAlignment="1">
      <alignment horizontal="center" vertical="center" wrapText="1"/>
    </xf>
    <xf numFmtId="49" fontId="10" fillId="0" borderId="19" xfId="0" applyNumberFormat="1" applyFont="1" applyBorder="1" applyAlignment="1">
      <alignment horizontal="center" vertical="center" wrapText="1"/>
    </xf>
    <xf numFmtId="49" fontId="10" fillId="0" borderId="23" xfId="0" applyNumberFormat="1" applyFont="1" applyBorder="1" applyAlignment="1">
      <alignment horizontal="center" vertical="center" wrapText="1"/>
    </xf>
    <xf numFmtId="49" fontId="10" fillId="0" borderId="12" xfId="0" applyNumberFormat="1" applyFont="1" applyBorder="1" applyAlignment="1">
      <alignment horizontal="center" vertical="center" wrapText="1"/>
    </xf>
    <xf numFmtId="49" fontId="10" fillId="0" borderId="13" xfId="0" applyNumberFormat="1" applyFont="1" applyBorder="1" applyAlignment="1">
      <alignment horizontal="center" vertical="center" wrapText="1"/>
    </xf>
    <xf numFmtId="49" fontId="10" fillId="0" borderId="11" xfId="0" applyNumberFormat="1" applyFont="1" applyBorder="1" applyAlignment="1">
      <alignment horizontal="center" vertical="center" wrapText="1"/>
    </xf>
    <xf numFmtId="49" fontId="10" fillId="0" borderId="10" xfId="0" applyNumberFormat="1" applyFont="1" applyBorder="1" applyAlignment="1">
      <alignment horizontal="center" vertical="center" wrapText="1"/>
    </xf>
    <xf numFmtId="49" fontId="10" fillId="0" borderId="22" xfId="0" applyNumberFormat="1" applyFont="1" applyBorder="1" applyAlignment="1">
      <alignment horizontal="center" vertical="center" wrapText="1"/>
    </xf>
    <xf numFmtId="49" fontId="10" fillId="0" borderId="21" xfId="0" applyNumberFormat="1" applyFont="1" applyBorder="1" applyAlignment="1">
      <alignment horizontal="center" vertical="center" wrapText="1"/>
    </xf>
    <xf numFmtId="49" fontId="10" fillId="0" borderId="10" xfId="0" applyNumberFormat="1" applyFont="1" applyBorder="1" applyAlignment="1">
      <alignment horizontal="distributed" vertical="center" wrapText="1"/>
    </xf>
    <xf numFmtId="49" fontId="10" fillId="0" borderId="0" xfId="0" applyNumberFormat="1" applyFont="1" applyBorder="1" applyAlignment="1">
      <alignment horizontal="right" vertical="center"/>
    </xf>
    <xf numFmtId="0" fontId="0" fillId="0" borderId="29" xfId="0" applyBorder="1" applyAlignment="1">
      <alignment horizontal="distributed" vertical="center"/>
    </xf>
    <xf numFmtId="0" fontId="0" fillId="0" borderId="32" xfId="0" applyBorder="1" applyAlignment="1">
      <alignment horizontal="right" vertical="center"/>
    </xf>
    <xf numFmtId="0" fontId="14" fillId="0" borderId="29" xfId="0" applyFont="1" applyBorder="1" applyAlignment="1">
      <alignment horizontal="distributed" vertical="center"/>
    </xf>
    <xf numFmtId="0" fontId="0" fillId="0" borderId="30" xfId="0" applyBorder="1" applyAlignment="1">
      <alignment horizontal="right" vertical="center"/>
    </xf>
    <xf numFmtId="49" fontId="10" fillId="0" borderId="1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distributed" vertical="center" wrapText="1"/>
    </xf>
    <xf numFmtId="49" fontId="10" fillId="0" borderId="22" xfId="0" applyNumberFormat="1" applyFont="1" applyBorder="1" applyAlignment="1">
      <alignment horizontal="right" vertical="center"/>
    </xf>
    <xf numFmtId="49" fontId="10" fillId="0" borderId="37" xfId="0" applyNumberFormat="1" applyFont="1" applyBorder="1" applyAlignment="1">
      <alignment horizontal="distributed" vertical="center" justifyLastLine="1"/>
    </xf>
    <xf numFmtId="49" fontId="10" fillId="0" borderId="38" xfId="0" applyNumberFormat="1" applyFont="1" applyBorder="1" applyAlignment="1">
      <alignment horizontal="distributed" vertical="center" justifyLastLine="1"/>
    </xf>
    <xf numFmtId="49" fontId="10" fillId="0" borderId="39" xfId="0" applyNumberFormat="1" applyFont="1" applyBorder="1" applyAlignment="1">
      <alignment horizontal="distributed" vertical="center" justifyLastLine="1"/>
    </xf>
    <xf numFmtId="49" fontId="10" fillId="0" borderId="34" xfId="0" applyNumberFormat="1" applyFont="1" applyBorder="1" applyAlignment="1">
      <alignment horizontal="distributed" vertical="center" justifyLastLine="1"/>
    </xf>
    <xf numFmtId="49" fontId="10" fillId="0" borderId="35" xfId="0" applyNumberFormat="1" applyFont="1" applyBorder="1" applyAlignment="1">
      <alignment horizontal="distributed" vertical="center" justifyLastLine="1"/>
    </xf>
    <xf numFmtId="49" fontId="10" fillId="0" borderId="36" xfId="0" applyNumberFormat="1" applyFont="1" applyBorder="1" applyAlignment="1">
      <alignment horizontal="distributed" vertical="center" justifyLastLine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externalLink" Target="externalLinks/externalLink2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74144872\Desktop\&#27770;&#31639;&#26360;&#20316;&#25104;&#12510;&#12463;&#12525;(&#12487;&#12473;&#12463;&#12488;&#12483;&#12503;&#20445;&#23384;&#65289;\KSNN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Users\74144872\Desktop\&#27770;&#31639;&#26360;&#20316;&#25104;&#12510;&#12463;&#12525;(&#12487;&#12473;&#12463;&#12488;&#12483;&#12503;&#20445;&#23384;&#65289;\KSNS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AR85"/>
  <sheetViews>
    <sheetView tabSelected="1" zoomScaleNormal="100"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102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147"/>
      <c r="N2" s="232" t="s">
        <v>103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647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50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48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48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149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648</v>
      </c>
      <c r="C11" s="154"/>
      <c r="D11" s="155"/>
      <c r="E11" s="154"/>
      <c r="F11" s="155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42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 t="s">
        <v>104</v>
      </c>
    </row>
    <row r="12" spans="1:44" s="59" customFormat="1" ht="9.75" customHeight="1">
      <c r="A12" s="272"/>
      <c r="B12" s="222"/>
      <c r="C12" s="154"/>
      <c r="D12" s="155"/>
      <c r="E12" s="154"/>
      <c r="F12" s="155"/>
      <c r="G12" s="52"/>
      <c r="H12" s="53" t="s">
        <v>105</v>
      </c>
      <c r="I12" s="52"/>
      <c r="J12" s="53" t="s">
        <v>22</v>
      </c>
      <c r="K12" s="54" t="s">
        <v>106</v>
      </c>
      <c r="L12" s="54" t="s">
        <v>107</v>
      </c>
      <c r="M12" s="55"/>
      <c r="N12" s="55"/>
      <c r="O12" s="56"/>
      <c r="P12" s="52"/>
      <c r="Q12" s="53"/>
      <c r="R12" s="52" t="s">
        <v>108</v>
      </c>
      <c r="S12" s="57"/>
      <c r="T12" s="58" t="s">
        <v>108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154"/>
      <c r="D13" s="155"/>
      <c r="E13" s="154"/>
      <c r="F13" s="155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157"/>
      <c r="B14" s="56"/>
      <c r="C14" s="218" t="s">
        <v>21</v>
      </c>
      <c r="D14" s="221" t="s">
        <v>109</v>
      </c>
      <c r="E14" s="151"/>
      <c r="F14" s="146"/>
      <c r="G14" s="151"/>
      <c r="H14" s="69"/>
      <c r="I14" s="151"/>
      <c r="J14" s="69"/>
      <c r="K14" s="70"/>
      <c r="L14" s="70"/>
      <c r="M14" s="152"/>
      <c r="N14" s="152"/>
      <c r="O14" s="146"/>
      <c r="P14" s="151"/>
      <c r="Q14" s="69"/>
      <c r="R14" s="151"/>
      <c r="S14" s="72"/>
      <c r="T14" s="73"/>
      <c r="U14" s="69"/>
      <c r="V14" s="151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154"/>
      <c r="F15" s="155"/>
      <c r="G15" s="154"/>
      <c r="H15" s="44" t="s">
        <v>110</v>
      </c>
      <c r="I15" s="154"/>
      <c r="J15" s="44" t="s">
        <v>22</v>
      </c>
      <c r="K15" s="45" t="s">
        <v>22</v>
      </c>
      <c r="L15" s="45" t="s">
        <v>110</v>
      </c>
      <c r="M15" s="153"/>
      <c r="N15" s="153"/>
      <c r="O15" s="155"/>
      <c r="P15" s="154"/>
      <c r="Q15" s="44"/>
      <c r="R15" s="154" t="s">
        <v>111</v>
      </c>
      <c r="S15" s="46"/>
      <c r="T15" s="47" t="s">
        <v>111</v>
      </c>
      <c r="U15" s="44" t="s">
        <v>22</v>
      </c>
      <c r="V15" s="154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154"/>
      <c r="F16" s="155"/>
      <c r="G16" s="154"/>
      <c r="H16" s="44"/>
      <c r="I16" s="154"/>
      <c r="J16" s="44"/>
      <c r="K16" s="45"/>
      <c r="L16" s="45"/>
      <c r="M16" s="153"/>
      <c r="N16" s="153"/>
      <c r="O16" s="155"/>
      <c r="P16" s="154"/>
      <c r="Q16" s="44"/>
      <c r="R16" s="154"/>
      <c r="S16" s="46"/>
      <c r="T16" s="47"/>
      <c r="U16" s="44"/>
      <c r="V16" s="154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154"/>
      <c r="D17" s="41"/>
      <c r="E17" s="218" t="s">
        <v>21</v>
      </c>
      <c r="F17" s="221" t="s">
        <v>112</v>
      </c>
      <c r="G17" s="151"/>
      <c r="H17" s="69"/>
      <c r="I17" s="151"/>
      <c r="J17" s="69"/>
      <c r="K17" s="70"/>
      <c r="L17" s="70"/>
      <c r="M17" s="152"/>
      <c r="N17" s="152"/>
      <c r="O17" s="146"/>
      <c r="P17" s="151"/>
      <c r="Q17" s="69"/>
      <c r="R17" s="151"/>
      <c r="S17" s="72"/>
      <c r="T17" s="73"/>
      <c r="U17" s="69"/>
      <c r="V17" s="151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154"/>
      <c r="D18" s="41"/>
      <c r="E18" s="219"/>
      <c r="F18" s="222"/>
      <c r="G18" s="154"/>
      <c r="H18" s="44" t="s">
        <v>110</v>
      </c>
      <c r="I18" s="154"/>
      <c r="J18" s="44" t="s">
        <v>22</v>
      </c>
      <c r="K18" s="45" t="s">
        <v>22</v>
      </c>
      <c r="L18" s="45" t="s">
        <v>110</v>
      </c>
      <c r="M18" s="153"/>
      <c r="N18" s="153"/>
      <c r="O18" s="155"/>
      <c r="P18" s="154"/>
      <c r="Q18" s="44"/>
      <c r="R18" s="154" t="s">
        <v>111</v>
      </c>
      <c r="S18" s="46"/>
      <c r="T18" s="47" t="s">
        <v>111</v>
      </c>
      <c r="U18" s="44" t="s">
        <v>22</v>
      </c>
      <c r="V18" s="154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154"/>
      <c r="D19" s="41"/>
      <c r="E19" s="219"/>
      <c r="F19" s="222"/>
      <c r="G19" s="154"/>
      <c r="H19" s="44"/>
      <c r="I19" s="154"/>
      <c r="J19" s="44"/>
      <c r="K19" s="45"/>
      <c r="L19" s="45"/>
      <c r="M19" s="153"/>
      <c r="N19" s="153"/>
      <c r="O19" s="155"/>
      <c r="P19" s="154"/>
      <c r="Q19" s="44"/>
      <c r="R19" s="154"/>
      <c r="S19" s="46"/>
      <c r="T19" s="47"/>
      <c r="U19" s="44"/>
      <c r="V19" s="154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154"/>
      <c r="D20" s="41"/>
      <c r="E20" s="154"/>
      <c r="F20" s="41"/>
      <c r="G20" s="154"/>
      <c r="H20" s="44"/>
      <c r="I20" s="154"/>
      <c r="J20" s="44"/>
      <c r="K20" s="45"/>
      <c r="L20" s="45"/>
      <c r="M20" s="153"/>
      <c r="N20" s="227" t="s">
        <v>21</v>
      </c>
      <c r="O20" s="224" t="s">
        <v>649</v>
      </c>
      <c r="P20" s="151"/>
      <c r="Q20" s="69"/>
      <c r="R20" s="151"/>
      <c r="S20" s="72"/>
      <c r="T20" s="73"/>
      <c r="U20" s="69"/>
      <c r="V20" s="151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154"/>
      <c r="D21" s="41"/>
      <c r="E21" s="154"/>
      <c r="F21" s="41"/>
      <c r="G21" s="154"/>
      <c r="H21" s="44"/>
      <c r="I21" s="154"/>
      <c r="J21" s="44"/>
      <c r="K21" s="45"/>
      <c r="L21" s="45"/>
      <c r="M21" s="153"/>
      <c r="N21" s="228"/>
      <c r="O21" s="225"/>
      <c r="P21" s="154"/>
      <c r="Q21" s="44" t="s">
        <v>110</v>
      </c>
      <c r="R21" s="154" t="s">
        <v>111</v>
      </c>
      <c r="S21" s="46"/>
      <c r="T21" s="47" t="s">
        <v>111</v>
      </c>
      <c r="U21" s="44" t="s">
        <v>22</v>
      </c>
      <c r="V21" s="154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158"/>
      <c r="D22" s="90"/>
      <c r="E22" s="158"/>
      <c r="F22" s="90"/>
      <c r="G22" s="158"/>
      <c r="H22" s="92"/>
      <c r="I22" s="158"/>
      <c r="J22" s="92"/>
      <c r="K22" s="48"/>
      <c r="L22" s="48"/>
      <c r="M22" s="160"/>
      <c r="N22" s="229"/>
      <c r="O22" s="226"/>
      <c r="P22" s="158"/>
      <c r="Q22" s="92"/>
      <c r="R22" s="158"/>
      <c r="S22" s="93"/>
      <c r="T22" s="94"/>
      <c r="U22" s="92"/>
      <c r="V22" s="158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157"/>
      <c r="B23" s="156"/>
      <c r="C23" s="218" t="s">
        <v>25</v>
      </c>
      <c r="D23" s="221" t="s">
        <v>66</v>
      </c>
      <c r="E23" s="151"/>
      <c r="F23" s="146"/>
      <c r="G23" s="151"/>
      <c r="H23" s="69"/>
      <c r="I23" s="151"/>
      <c r="J23" s="69"/>
      <c r="K23" s="70"/>
      <c r="L23" s="70"/>
      <c r="M23" s="152"/>
      <c r="N23" s="152"/>
      <c r="O23" s="68"/>
      <c r="P23" s="151"/>
      <c r="Q23" s="69"/>
      <c r="R23" s="151"/>
      <c r="S23" s="72"/>
      <c r="T23" s="73"/>
      <c r="U23" s="69"/>
      <c r="V23" s="151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157"/>
      <c r="B24" s="156"/>
      <c r="C24" s="219"/>
      <c r="D24" s="222"/>
      <c r="E24" s="154"/>
      <c r="F24" s="155"/>
      <c r="G24" s="154"/>
      <c r="H24" s="44" t="s">
        <v>113</v>
      </c>
      <c r="I24" s="154"/>
      <c r="J24" s="44" t="s">
        <v>22</v>
      </c>
      <c r="K24" s="45" t="s">
        <v>22</v>
      </c>
      <c r="L24" s="45" t="s">
        <v>113</v>
      </c>
      <c r="M24" s="153"/>
      <c r="N24" s="153"/>
      <c r="O24" s="41"/>
      <c r="P24" s="154"/>
      <c r="Q24" s="44"/>
      <c r="R24" s="154" t="s">
        <v>114</v>
      </c>
      <c r="S24" s="46"/>
      <c r="T24" s="47" t="s">
        <v>114</v>
      </c>
      <c r="U24" s="44" t="s">
        <v>22</v>
      </c>
      <c r="V24" s="154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157"/>
      <c r="B25" s="156"/>
      <c r="C25" s="219"/>
      <c r="D25" s="222"/>
      <c r="E25" s="154"/>
      <c r="F25" s="155"/>
      <c r="G25" s="154"/>
      <c r="H25" s="44"/>
      <c r="I25" s="154"/>
      <c r="J25" s="44"/>
      <c r="K25" s="45"/>
      <c r="L25" s="45"/>
      <c r="M25" s="153"/>
      <c r="N25" s="153"/>
      <c r="O25" s="41"/>
      <c r="P25" s="154"/>
      <c r="Q25" s="44"/>
      <c r="R25" s="154"/>
      <c r="S25" s="46"/>
      <c r="T25" s="47"/>
      <c r="U25" s="44"/>
      <c r="V25" s="154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157"/>
      <c r="B26" s="56"/>
      <c r="C26" s="154"/>
      <c r="D26" s="155"/>
      <c r="E26" s="218" t="s">
        <v>21</v>
      </c>
      <c r="F26" s="230" t="s">
        <v>571</v>
      </c>
      <c r="G26" s="151"/>
      <c r="H26" s="69"/>
      <c r="I26" s="151"/>
      <c r="J26" s="69"/>
      <c r="K26" s="70"/>
      <c r="L26" s="70"/>
      <c r="M26" s="152"/>
      <c r="N26" s="152"/>
      <c r="O26" s="146"/>
      <c r="P26" s="151"/>
      <c r="Q26" s="69"/>
      <c r="R26" s="151"/>
      <c r="S26" s="72"/>
      <c r="T26" s="73"/>
      <c r="U26" s="69"/>
      <c r="V26" s="151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154"/>
      <c r="D27" s="155"/>
      <c r="E27" s="219"/>
      <c r="F27" s="222"/>
      <c r="G27" s="154"/>
      <c r="H27" s="44" t="s">
        <v>115</v>
      </c>
      <c r="I27" s="154"/>
      <c r="J27" s="44" t="s">
        <v>22</v>
      </c>
      <c r="K27" s="45" t="s">
        <v>22</v>
      </c>
      <c r="L27" s="45" t="s">
        <v>115</v>
      </c>
      <c r="M27" s="153"/>
      <c r="N27" s="153"/>
      <c r="O27" s="155"/>
      <c r="P27" s="154"/>
      <c r="Q27" s="44"/>
      <c r="R27" s="154" t="s">
        <v>116</v>
      </c>
      <c r="S27" s="46"/>
      <c r="T27" s="47" t="s">
        <v>116</v>
      </c>
      <c r="U27" s="44" t="s">
        <v>22</v>
      </c>
      <c r="V27" s="154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154"/>
      <c r="D28" s="155"/>
      <c r="E28" s="219"/>
      <c r="F28" s="222"/>
      <c r="G28" s="154"/>
      <c r="H28" s="44"/>
      <c r="I28" s="154"/>
      <c r="J28" s="44"/>
      <c r="K28" s="45"/>
      <c r="L28" s="45"/>
      <c r="M28" s="153"/>
      <c r="N28" s="153"/>
      <c r="O28" s="155"/>
      <c r="P28" s="154"/>
      <c r="Q28" s="44"/>
      <c r="R28" s="154"/>
      <c r="S28" s="46"/>
      <c r="T28" s="47"/>
      <c r="U28" s="44"/>
      <c r="V28" s="154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40"/>
      <c r="B29" s="41"/>
      <c r="C29" s="154"/>
      <c r="D29" s="41"/>
      <c r="E29" s="154"/>
      <c r="F29" s="155"/>
      <c r="G29" s="154"/>
      <c r="H29" s="44"/>
      <c r="I29" s="154"/>
      <c r="J29" s="44"/>
      <c r="K29" s="45"/>
      <c r="L29" s="45"/>
      <c r="M29" s="153"/>
      <c r="N29" s="227" t="s">
        <v>21</v>
      </c>
      <c r="O29" s="230" t="s">
        <v>572</v>
      </c>
      <c r="P29" s="151"/>
      <c r="Q29" s="69"/>
      <c r="R29" s="151"/>
      <c r="S29" s="72"/>
      <c r="T29" s="73"/>
      <c r="U29" s="69"/>
      <c r="V29" s="151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40"/>
      <c r="B30" s="41"/>
      <c r="C30" s="154"/>
      <c r="D30" s="41"/>
      <c r="E30" s="154"/>
      <c r="F30" s="155"/>
      <c r="G30" s="154"/>
      <c r="H30" s="44"/>
      <c r="I30" s="154"/>
      <c r="J30" s="44"/>
      <c r="K30" s="45"/>
      <c r="L30" s="45"/>
      <c r="M30" s="153"/>
      <c r="N30" s="228"/>
      <c r="O30" s="222"/>
      <c r="P30" s="154"/>
      <c r="Q30" s="44" t="s">
        <v>117</v>
      </c>
      <c r="R30" s="154" t="s">
        <v>117</v>
      </c>
      <c r="S30" s="46"/>
      <c r="T30" s="47" t="s">
        <v>117</v>
      </c>
      <c r="U30" s="44" t="s">
        <v>22</v>
      </c>
      <c r="V30" s="154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40"/>
      <c r="B31" s="41"/>
      <c r="C31" s="154"/>
      <c r="D31" s="41"/>
      <c r="E31" s="154"/>
      <c r="F31" s="155"/>
      <c r="G31" s="154"/>
      <c r="H31" s="44"/>
      <c r="I31" s="154"/>
      <c r="J31" s="44"/>
      <c r="K31" s="45"/>
      <c r="L31" s="45"/>
      <c r="M31" s="153"/>
      <c r="N31" s="229"/>
      <c r="O31" s="223"/>
      <c r="P31" s="154"/>
      <c r="Q31" s="44"/>
      <c r="R31" s="154"/>
      <c r="S31" s="46"/>
      <c r="T31" s="47"/>
      <c r="U31" s="44"/>
      <c r="V31" s="154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40"/>
      <c r="B32" s="41"/>
      <c r="C32" s="154"/>
      <c r="D32" s="41"/>
      <c r="E32" s="154"/>
      <c r="F32" s="41"/>
      <c r="G32" s="154"/>
      <c r="H32" s="44"/>
      <c r="I32" s="154"/>
      <c r="J32" s="44"/>
      <c r="K32" s="45"/>
      <c r="L32" s="45"/>
      <c r="M32" s="153"/>
      <c r="N32" s="227" t="s">
        <v>25</v>
      </c>
      <c r="O32" s="230" t="s">
        <v>650</v>
      </c>
      <c r="P32" s="151"/>
      <c r="Q32" s="69"/>
      <c r="R32" s="151"/>
      <c r="S32" s="72"/>
      <c r="T32" s="73"/>
      <c r="U32" s="69"/>
      <c r="V32" s="151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154"/>
      <c r="D33" s="41"/>
      <c r="E33" s="154"/>
      <c r="F33" s="41"/>
      <c r="G33" s="154"/>
      <c r="H33" s="44"/>
      <c r="I33" s="154"/>
      <c r="J33" s="44"/>
      <c r="K33" s="45"/>
      <c r="L33" s="45"/>
      <c r="M33" s="153"/>
      <c r="N33" s="228"/>
      <c r="O33" s="222"/>
      <c r="P33" s="154"/>
      <c r="Q33" s="44" t="s">
        <v>118</v>
      </c>
      <c r="R33" s="154" t="s">
        <v>119</v>
      </c>
      <c r="S33" s="46"/>
      <c r="T33" s="47" t="s">
        <v>119</v>
      </c>
      <c r="U33" s="44" t="s">
        <v>22</v>
      </c>
      <c r="V33" s="154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154"/>
      <c r="D34" s="41"/>
      <c r="E34" s="154"/>
      <c r="F34" s="41"/>
      <c r="G34" s="154"/>
      <c r="H34" s="44"/>
      <c r="I34" s="154"/>
      <c r="J34" s="44"/>
      <c r="K34" s="45"/>
      <c r="L34" s="45"/>
      <c r="M34" s="153"/>
      <c r="N34" s="229"/>
      <c r="O34" s="223"/>
      <c r="P34" s="154"/>
      <c r="Q34" s="44"/>
      <c r="R34" s="154"/>
      <c r="S34" s="46"/>
      <c r="T34" s="47"/>
      <c r="U34" s="44"/>
      <c r="V34" s="154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157"/>
      <c r="B35" s="156"/>
      <c r="C35" s="154"/>
      <c r="D35" s="155"/>
      <c r="E35" s="218" t="s">
        <v>25</v>
      </c>
      <c r="F35" s="230" t="s">
        <v>651</v>
      </c>
      <c r="G35" s="151"/>
      <c r="H35" s="69"/>
      <c r="I35" s="151"/>
      <c r="J35" s="69"/>
      <c r="K35" s="70"/>
      <c r="L35" s="70"/>
      <c r="M35" s="152"/>
      <c r="N35" s="152"/>
      <c r="O35" s="68"/>
      <c r="P35" s="151"/>
      <c r="Q35" s="69"/>
      <c r="R35" s="151"/>
      <c r="S35" s="72"/>
      <c r="T35" s="73"/>
      <c r="U35" s="69"/>
      <c r="V35" s="151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157"/>
      <c r="B36" s="156"/>
      <c r="C36" s="154"/>
      <c r="D36" s="155"/>
      <c r="E36" s="219"/>
      <c r="F36" s="222"/>
      <c r="G36" s="154"/>
      <c r="H36" s="44" t="s">
        <v>67</v>
      </c>
      <c r="I36" s="154"/>
      <c r="J36" s="44" t="s">
        <v>22</v>
      </c>
      <c r="K36" s="45" t="s">
        <v>22</v>
      </c>
      <c r="L36" s="45" t="s">
        <v>67</v>
      </c>
      <c r="M36" s="153"/>
      <c r="N36" s="153"/>
      <c r="O36" s="41"/>
      <c r="P36" s="154"/>
      <c r="Q36" s="44"/>
      <c r="R36" s="154" t="s">
        <v>67</v>
      </c>
      <c r="S36" s="46"/>
      <c r="T36" s="47" t="s">
        <v>67</v>
      </c>
      <c r="U36" s="44" t="s">
        <v>22</v>
      </c>
      <c r="V36" s="154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157"/>
      <c r="B37" s="156"/>
      <c r="C37" s="158"/>
      <c r="D37" s="159"/>
      <c r="E37" s="220"/>
      <c r="F37" s="223"/>
      <c r="G37" s="158"/>
      <c r="H37" s="92"/>
      <c r="I37" s="158"/>
      <c r="J37" s="92"/>
      <c r="K37" s="48"/>
      <c r="L37" s="48"/>
      <c r="M37" s="160"/>
      <c r="N37" s="160"/>
      <c r="O37" s="90"/>
      <c r="P37" s="158"/>
      <c r="Q37" s="92"/>
      <c r="R37" s="158"/>
      <c r="S37" s="93"/>
      <c r="T37" s="94"/>
      <c r="U37" s="92"/>
      <c r="V37" s="158"/>
      <c r="W37" s="92"/>
      <c r="X37" s="95"/>
      <c r="Y37" s="95"/>
      <c r="Z37" s="95"/>
      <c r="AA37" s="95"/>
      <c r="AB37" s="96"/>
      <c r="AC37" s="96"/>
      <c r="AD37" s="96"/>
      <c r="AE37" s="96"/>
      <c r="AF37" s="96"/>
      <c r="AG37" s="96"/>
      <c r="AH37" s="96"/>
      <c r="AI37" s="96"/>
      <c r="AJ37" s="96"/>
      <c r="AK37" s="97"/>
      <c r="AL37" s="97"/>
      <c r="AM37" s="98"/>
    </row>
    <row r="38" spans="1:39" s="59" customFormat="1" ht="9.75" customHeight="1">
      <c r="A38" s="157"/>
      <c r="B38" s="156"/>
      <c r="C38" s="218" t="s">
        <v>26</v>
      </c>
      <c r="D38" s="221" t="s">
        <v>80</v>
      </c>
      <c r="E38" s="151"/>
      <c r="F38" s="146"/>
      <c r="G38" s="151"/>
      <c r="H38" s="69"/>
      <c r="I38" s="151"/>
      <c r="J38" s="69"/>
      <c r="K38" s="70"/>
      <c r="L38" s="70"/>
      <c r="M38" s="152"/>
      <c r="N38" s="152"/>
      <c r="O38" s="68"/>
      <c r="P38" s="151"/>
      <c r="Q38" s="69"/>
      <c r="R38" s="151"/>
      <c r="S38" s="72"/>
      <c r="T38" s="73"/>
      <c r="U38" s="69"/>
      <c r="V38" s="151"/>
      <c r="W38" s="69"/>
      <c r="X38" s="74" t="s">
        <v>42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 t="s">
        <v>104</v>
      </c>
    </row>
    <row r="39" spans="1:39" s="59" customFormat="1" ht="9.75" customHeight="1">
      <c r="A39" s="157"/>
      <c r="B39" s="156"/>
      <c r="C39" s="219"/>
      <c r="D39" s="222"/>
      <c r="E39" s="154"/>
      <c r="F39" s="155"/>
      <c r="G39" s="154"/>
      <c r="H39" s="44" t="s">
        <v>120</v>
      </c>
      <c r="I39" s="154"/>
      <c r="J39" s="44" t="s">
        <v>22</v>
      </c>
      <c r="K39" s="45" t="s">
        <v>106</v>
      </c>
      <c r="L39" s="45" t="s">
        <v>121</v>
      </c>
      <c r="M39" s="153"/>
      <c r="N39" s="153"/>
      <c r="O39" s="41"/>
      <c r="P39" s="154"/>
      <c r="Q39" s="44"/>
      <c r="R39" s="154" t="s">
        <v>122</v>
      </c>
      <c r="S39" s="46"/>
      <c r="T39" s="47" t="s">
        <v>122</v>
      </c>
      <c r="U39" s="44" t="s">
        <v>22</v>
      </c>
      <c r="V39" s="154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157"/>
      <c r="B40" s="156"/>
      <c r="C40" s="219"/>
      <c r="D40" s="222"/>
      <c r="E40" s="154"/>
      <c r="F40" s="155"/>
      <c r="G40" s="154"/>
      <c r="H40" s="44"/>
      <c r="I40" s="154"/>
      <c r="J40" s="44"/>
      <c r="K40" s="45"/>
      <c r="L40" s="45"/>
      <c r="M40" s="153"/>
      <c r="N40" s="153"/>
      <c r="O40" s="41"/>
      <c r="P40" s="154"/>
      <c r="Q40" s="44"/>
      <c r="R40" s="154"/>
      <c r="S40" s="46"/>
      <c r="T40" s="47"/>
      <c r="U40" s="44"/>
      <c r="V40" s="154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157"/>
      <c r="B41" s="56"/>
      <c r="C41" s="154"/>
      <c r="D41" s="155"/>
      <c r="E41" s="218" t="s">
        <v>21</v>
      </c>
      <c r="F41" s="221" t="s">
        <v>80</v>
      </c>
      <c r="G41" s="151"/>
      <c r="H41" s="69"/>
      <c r="I41" s="151"/>
      <c r="J41" s="69"/>
      <c r="K41" s="70"/>
      <c r="L41" s="70"/>
      <c r="M41" s="152"/>
      <c r="N41" s="152"/>
      <c r="O41" s="146"/>
      <c r="P41" s="151"/>
      <c r="Q41" s="69"/>
      <c r="R41" s="151"/>
      <c r="S41" s="72"/>
      <c r="T41" s="73"/>
      <c r="U41" s="69"/>
      <c r="V41" s="151"/>
      <c r="W41" s="69"/>
      <c r="X41" s="74" t="s">
        <v>42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 t="s">
        <v>104</v>
      </c>
    </row>
    <row r="42" spans="1:39" s="59" customFormat="1" ht="9.75" customHeight="1">
      <c r="A42" s="40"/>
      <c r="B42" s="41"/>
      <c r="C42" s="154"/>
      <c r="D42" s="155"/>
      <c r="E42" s="219"/>
      <c r="F42" s="222"/>
      <c r="G42" s="154"/>
      <c r="H42" s="44" t="s">
        <v>120</v>
      </c>
      <c r="I42" s="154"/>
      <c r="J42" s="44" t="s">
        <v>22</v>
      </c>
      <c r="K42" s="45" t="s">
        <v>106</v>
      </c>
      <c r="L42" s="45" t="s">
        <v>121</v>
      </c>
      <c r="M42" s="153"/>
      <c r="N42" s="153"/>
      <c r="O42" s="155"/>
      <c r="P42" s="154"/>
      <c r="Q42" s="44"/>
      <c r="R42" s="154" t="s">
        <v>122</v>
      </c>
      <c r="S42" s="46"/>
      <c r="T42" s="47" t="s">
        <v>122</v>
      </c>
      <c r="U42" s="44" t="s">
        <v>22</v>
      </c>
      <c r="V42" s="154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158"/>
      <c r="D43" s="159"/>
      <c r="E43" s="220"/>
      <c r="F43" s="223"/>
      <c r="G43" s="158"/>
      <c r="H43" s="92"/>
      <c r="I43" s="158"/>
      <c r="J43" s="92"/>
      <c r="K43" s="48"/>
      <c r="L43" s="48"/>
      <c r="M43" s="160"/>
      <c r="N43" s="160"/>
      <c r="O43" s="159"/>
      <c r="P43" s="158"/>
      <c r="Q43" s="92"/>
      <c r="R43" s="158"/>
      <c r="S43" s="93"/>
      <c r="T43" s="94"/>
      <c r="U43" s="92"/>
      <c r="V43" s="158"/>
      <c r="W43" s="92"/>
      <c r="X43" s="95"/>
      <c r="Y43" s="95"/>
      <c r="Z43" s="95"/>
      <c r="AA43" s="95"/>
      <c r="AB43" s="96"/>
      <c r="AC43" s="96"/>
      <c r="AD43" s="96"/>
      <c r="AE43" s="96"/>
      <c r="AF43" s="96"/>
      <c r="AG43" s="96"/>
      <c r="AH43" s="96"/>
      <c r="AI43" s="96"/>
      <c r="AJ43" s="96"/>
      <c r="AK43" s="97"/>
      <c r="AL43" s="97"/>
      <c r="AM43" s="98"/>
    </row>
    <row r="44" spans="1:39" s="59" customFormat="1" ht="9.75" customHeight="1">
      <c r="A44" s="157"/>
      <c r="B44" s="156"/>
      <c r="C44" s="218" t="s">
        <v>31</v>
      </c>
      <c r="D44" s="221" t="s">
        <v>82</v>
      </c>
      <c r="E44" s="151"/>
      <c r="F44" s="146"/>
      <c r="G44" s="151"/>
      <c r="H44" s="69"/>
      <c r="I44" s="151"/>
      <c r="J44" s="69"/>
      <c r="K44" s="70"/>
      <c r="L44" s="70"/>
      <c r="M44" s="152"/>
      <c r="N44" s="152"/>
      <c r="O44" s="68"/>
      <c r="P44" s="151"/>
      <c r="Q44" s="69"/>
      <c r="R44" s="151"/>
      <c r="S44" s="72"/>
      <c r="T44" s="73"/>
      <c r="U44" s="69"/>
      <c r="V44" s="151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157"/>
      <c r="B45" s="156"/>
      <c r="C45" s="219"/>
      <c r="D45" s="222"/>
      <c r="E45" s="154"/>
      <c r="F45" s="155"/>
      <c r="G45" s="154"/>
      <c r="H45" s="44" t="s">
        <v>64</v>
      </c>
      <c r="I45" s="154"/>
      <c r="J45" s="44" t="s">
        <v>22</v>
      </c>
      <c r="K45" s="45" t="s">
        <v>22</v>
      </c>
      <c r="L45" s="45" t="s">
        <v>64</v>
      </c>
      <c r="M45" s="153"/>
      <c r="N45" s="153"/>
      <c r="O45" s="41"/>
      <c r="P45" s="154"/>
      <c r="Q45" s="44"/>
      <c r="R45" s="154" t="s">
        <v>123</v>
      </c>
      <c r="S45" s="46"/>
      <c r="T45" s="47" t="s">
        <v>123</v>
      </c>
      <c r="U45" s="44" t="s">
        <v>22</v>
      </c>
      <c r="V45" s="154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157"/>
      <c r="B46" s="156"/>
      <c r="C46" s="219"/>
      <c r="D46" s="222"/>
      <c r="E46" s="154"/>
      <c r="F46" s="155"/>
      <c r="G46" s="154"/>
      <c r="H46" s="44"/>
      <c r="I46" s="154"/>
      <c r="J46" s="44"/>
      <c r="K46" s="45"/>
      <c r="L46" s="45"/>
      <c r="M46" s="153"/>
      <c r="N46" s="153"/>
      <c r="O46" s="41"/>
      <c r="P46" s="154"/>
      <c r="Q46" s="44"/>
      <c r="R46" s="154"/>
      <c r="S46" s="46"/>
      <c r="T46" s="47"/>
      <c r="U46" s="44"/>
      <c r="V46" s="154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157"/>
      <c r="B47" s="56"/>
      <c r="C47" s="154"/>
      <c r="D47" s="155"/>
      <c r="E47" s="218" t="s">
        <v>21</v>
      </c>
      <c r="F47" s="221" t="s">
        <v>83</v>
      </c>
      <c r="G47" s="151"/>
      <c r="H47" s="69"/>
      <c r="I47" s="151"/>
      <c r="J47" s="69"/>
      <c r="K47" s="70"/>
      <c r="L47" s="70"/>
      <c r="M47" s="152"/>
      <c r="N47" s="152"/>
      <c r="O47" s="146"/>
      <c r="P47" s="151"/>
      <c r="Q47" s="69"/>
      <c r="R47" s="151"/>
      <c r="S47" s="72"/>
      <c r="T47" s="73"/>
      <c r="U47" s="69"/>
      <c r="V47" s="151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154"/>
      <c r="D48" s="155"/>
      <c r="E48" s="219"/>
      <c r="F48" s="222"/>
      <c r="G48" s="154"/>
      <c r="H48" s="44" t="s">
        <v>64</v>
      </c>
      <c r="I48" s="154"/>
      <c r="J48" s="44" t="s">
        <v>22</v>
      </c>
      <c r="K48" s="45" t="s">
        <v>22</v>
      </c>
      <c r="L48" s="45" t="s">
        <v>64</v>
      </c>
      <c r="M48" s="153"/>
      <c r="N48" s="153"/>
      <c r="O48" s="155"/>
      <c r="P48" s="154"/>
      <c r="Q48" s="44"/>
      <c r="R48" s="154" t="s">
        <v>124</v>
      </c>
      <c r="S48" s="46"/>
      <c r="T48" s="47" t="s">
        <v>124</v>
      </c>
      <c r="U48" s="44" t="s">
        <v>22</v>
      </c>
      <c r="V48" s="154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154"/>
      <c r="D49" s="155"/>
      <c r="E49" s="220"/>
      <c r="F49" s="223"/>
      <c r="G49" s="154"/>
      <c r="H49" s="44"/>
      <c r="I49" s="154"/>
      <c r="J49" s="44"/>
      <c r="K49" s="45"/>
      <c r="L49" s="45"/>
      <c r="M49" s="153"/>
      <c r="N49" s="153"/>
      <c r="O49" s="155"/>
      <c r="P49" s="154"/>
      <c r="Q49" s="44"/>
      <c r="R49" s="154"/>
      <c r="S49" s="46"/>
      <c r="T49" s="47"/>
      <c r="U49" s="44"/>
      <c r="V49" s="154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157"/>
      <c r="B50" s="156"/>
      <c r="C50" s="154"/>
      <c r="D50" s="155"/>
      <c r="E50" s="218" t="s">
        <v>653</v>
      </c>
      <c r="F50" s="221" t="s">
        <v>99</v>
      </c>
      <c r="G50" s="151"/>
      <c r="H50" s="69"/>
      <c r="I50" s="151"/>
      <c r="J50" s="69"/>
      <c r="K50" s="70"/>
      <c r="L50" s="70"/>
      <c r="M50" s="152"/>
      <c r="N50" s="152"/>
      <c r="O50" s="68"/>
      <c r="P50" s="151"/>
      <c r="Q50" s="69"/>
      <c r="R50" s="151"/>
      <c r="S50" s="72"/>
      <c r="T50" s="73"/>
      <c r="U50" s="69"/>
      <c r="V50" s="151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157"/>
      <c r="B51" s="156"/>
      <c r="C51" s="154"/>
      <c r="D51" s="155"/>
      <c r="E51" s="219"/>
      <c r="F51" s="222"/>
      <c r="G51" s="154"/>
      <c r="H51" s="44" t="s">
        <v>22</v>
      </c>
      <c r="I51" s="154"/>
      <c r="J51" s="44" t="s">
        <v>22</v>
      </c>
      <c r="K51" s="45" t="s">
        <v>22</v>
      </c>
      <c r="L51" s="45" t="s">
        <v>22</v>
      </c>
      <c r="M51" s="153"/>
      <c r="N51" s="153"/>
      <c r="O51" s="41"/>
      <c r="P51" s="154"/>
      <c r="Q51" s="44"/>
      <c r="R51" s="154" t="s">
        <v>652</v>
      </c>
      <c r="S51" s="46"/>
      <c r="T51" s="47" t="s">
        <v>652</v>
      </c>
      <c r="U51" s="44" t="s">
        <v>22</v>
      </c>
      <c r="V51" s="154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100"/>
      <c r="B52" s="114"/>
      <c r="C52" s="158"/>
      <c r="D52" s="159"/>
      <c r="E52" s="220"/>
      <c r="F52" s="223"/>
      <c r="G52" s="158"/>
      <c r="H52" s="92"/>
      <c r="I52" s="158"/>
      <c r="J52" s="92"/>
      <c r="K52" s="48"/>
      <c r="L52" s="48"/>
      <c r="M52" s="160"/>
      <c r="N52" s="160"/>
      <c r="O52" s="90"/>
      <c r="P52" s="158"/>
      <c r="Q52" s="92"/>
      <c r="R52" s="158"/>
      <c r="S52" s="93"/>
      <c r="T52" s="94"/>
      <c r="U52" s="92"/>
      <c r="V52" s="158"/>
      <c r="W52" s="92"/>
      <c r="X52" s="95"/>
      <c r="Y52" s="95"/>
      <c r="Z52" s="95"/>
      <c r="AA52" s="95"/>
      <c r="AB52" s="96"/>
      <c r="AC52" s="96"/>
      <c r="AD52" s="96"/>
      <c r="AE52" s="96"/>
      <c r="AF52" s="96"/>
      <c r="AG52" s="96"/>
      <c r="AH52" s="96"/>
      <c r="AI52" s="96"/>
      <c r="AJ52" s="96"/>
      <c r="AK52" s="97"/>
      <c r="AL52" s="97"/>
      <c r="AM52" s="98"/>
    </row>
    <row r="53" spans="1:39" s="59" customFormat="1" ht="9.75" customHeight="1">
      <c r="A53" s="76"/>
      <c r="B53" s="115"/>
      <c r="C53" s="115"/>
      <c r="D53" s="115"/>
      <c r="E53" s="115"/>
      <c r="F53" s="115"/>
      <c r="G53" s="103"/>
      <c r="H53" s="104"/>
      <c r="I53" s="103"/>
      <c r="J53" s="104"/>
      <c r="K53" s="105"/>
      <c r="L53" s="105"/>
      <c r="M53" s="106"/>
      <c r="N53" s="106"/>
      <c r="O53" s="65"/>
      <c r="P53" s="103"/>
      <c r="Q53" s="104"/>
      <c r="R53" s="103"/>
      <c r="S53" s="107"/>
      <c r="T53" s="108"/>
      <c r="U53" s="104"/>
      <c r="V53" s="103"/>
      <c r="W53" s="104"/>
      <c r="X53" s="109" t="s">
        <v>42</v>
      </c>
      <c r="Y53" s="109"/>
      <c r="Z53" s="109"/>
      <c r="AA53" s="109"/>
      <c r="AB53" s="110"/>
      <c r="AC53" s="110"/>
      <c r="AD53" s="110"/>
      <c r="AE53" s="110"/>
      <c r="AF53" s="110"/>
      <c r="AG53" s="110"/>
      <c r="AH53" s="110"/>
      <c r="AI53" s="110"/>
      <c r="AJ53" s="110"/>
      <c r="AK53" s="111"/>
      <c r="AL53" s="111"/>
      <c r="AM53" s="112" t="s">
        <v>104</v>
      </c>
    </row>
    <row r="54" spans="1:39" s="59" customFormat="1" ht="9.75" customHeight="1">
      <c r="A54" s="248" t="s">
        <v>19</v>
      </c>
      <c r="B54" s="249"/>
      <c r="C54" s="250"/>
      <c r="D54" s="250"/>
      <c r="E54" s="250"/>
      <c r="F54" s="236"/>
      <c r="G54" s="52"/>
      <c r="H54" s="53" t="s">
        <v>105</v>
      </c>
      <c r="I54" s="52"/>
      <c r="J54" s="53" t="s">
        <v>22</v>
      </c>
      <c r="K54" s="54" t="s">
        <v>106</v>
      </c>
      <c r="L54" s="54" t="s">
        <v>107</v>
      </c>
      <c r="M54" s="55"/>
      <c r="N54" s="55"/>
      <c r="O54" s="56"/>
      <c r="P54" s="52"/>
      <c r="Q54" s="53"/>
      <c r="R54" s="52" t="s">
        <v>108</v>
      </c>
      <c r="S54" s="57"/>
      <c r="T54" s="58" t="s">
        <v>108</v>
      </c>
      <c r="U54" s="53" t="s">
        <v>22</v>
      </c>
      <c r="V54" s="52"/>
      <c r="W54" s="53" t="s">
        <v>22</v>
      </c>
      <c r="X54" s="60" t="s">
        <v>640</v>
      </c>
      <c r="Y54" s="60"/>
      <c r="Z54" s="60"/>
      <c r="AA54" s="60"/>
      <c r="AB54" s="61"/>
      <c r="AC54" s="61"/>
      <c r="AD54" s="61"/>
      <c r="AE54" s="61"/>
      <c r="AF54" s="61"/>
      <c r="AG54" s="61"/>
      <c r="AH54" s="61"/>
      <c r="AI54" s="61"/>
      <c r="AJ54" s="61"/>
      <c r="AK54" s="62"/>
      <c r="AL54" s="62"/>
      <c r="AM54" s="63" t="s">
        <v>104</v>
      </c>
    </row>
    <row r="55" spans="1:39" s="59" customFormat="1" ht="9.75" customHeight="1">
      <c r="A55" s="77"/>
      <c r="B55" s="116"/>
      <c r="C55" s="116"/>
      <c r="D55" s="116"/>
      <c r="E55" s="116"/>
      <c r="F55" s="116"/>
      <c r="G55" s="79"/>
      <c r="H55" s="80"/>
      <c r="I55" s="79"/>
      <c r="J55" s="80"/>
      <c r="K55" s="81"/>
      <c r="L55" s="81"/>
      <c r="M55" s="82"/>
      <c r="N55" s="82"/>
      <c r="O55" s="78"/>
      <c r="P55" s="79"/>
      <c r="Q55" s="80"/>
      <c r="R55" s="79"/>
      <c r="S55" s="83"/>
      <c r="T55" s="84"/>
      <c r="U55" s="80"/>
      <c r="V55" s="79"/>
      <c r="W55" s="80"/>
      <c r="X55" s="117" t="s">
        <v>639</v>
      </c>
      <c r="Y55" s="117"/>
      <c r="Z55" s="117"/>
      <c r="AA55" s="117"/>
      <c r="AB55" s="118"/>
      <c r="AC55" s="118"/>
      <c r="AD55" s="118"/>
      <c r="AE55" s="118"/>
      <c r="AF55" s="118"/>
      <c r="AG55" s="118"/>
      <c r="AH55" s="118"/>
      <c r="AI55" s="118"/>
      <c r="AJ55" s="118"/>
      <c r="AK55" s="119"/>
      <c r="AL55" s="119"/>
      <c r="AM55" s="120" t="s">
        <v>104</v>
      </c>
    </row>
    <row r="56" spans="1:39" ht="9.75" customHeight="1">
      <c r="A56" s="134"/>
      <c r="X56" s="161"/>
      <c r="Y56" s="161"/>
      <c r="Z56" s="161"/>
      <c r="AA56" s="161"/>
      <c r="AB56" s="161"/>
      <c r="AC56" s="161"/>
      <c r="AD56" s="161"/>
      <c r="AE56" s="161"/>
      <c r="AF56" s="161"/>
      <c r="AG56" s="161"/>
      <c r="AH56" s="161"/>
      <c r="AI56" s="161"/>
      <c r="AJ56" s="161"/>
      <c r="AK56" s="161"/>
      <c r="AL56" s="161"/>
      <c r="AM56" s="137"/>
    </row>
    <row r="57" spans="1:39" ht="9.75" customHeight="1">
      <c r="A57" s="138"/>
      <c r="AM57" s="140"/>
    </row>
    <row r="58" spans="1:39" ht="9.75" customHeight="1">
      <c r="A58" s="138"/>
      <c r="AM58" s="140"/>
    </row>
    <row r="59" spans="1:39" ht="9.75" customHeight="1">
      <c r="A59" s="138"/>
      <c r="AM59" s="140"/>
    </row>
    <row r="60" spans="1:39" ht="9.75" customHeight="1">
      <c r="A60" s="138"/>
      <c r="AM60" s="140"/>
    </row>
    <row r="61" spans="1:39" ht="9.75" customHeight="1">
      <c r="A61" s="138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47">
    <mergeCell ref="A54:F5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8:D40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8:C40"/>
    <mergeCell ref="D44:D46"/>
    <mergeCell ref="C44:C46"/>
    <mergeCell ref="F17:F19"/>
    <mergeCell ref="E17:E19"/>
    <mergeCell ref="F26:F28"/>
    <mergeCell ref="E26:E28"/>
    <mergeCell ref="F35:F37"/>
    <mergeCell ref="E35:E37"/>
    <mergeCell ref="F41:F43"/>
    <mergeCell ref="E41:E43"/>
    <mergeCell ref="E50:E52"/>
    <mergeCell ref="F50:F52"/>
    <mergeCell ref="F47:F49"/>
    <mergeCell ref="E47:E49"/>
    <mergeCell ref="O20:O22"/>
    <mergeCell ref="N20:N22"/>
    <mergeCell ref="O29:O31"/>
    <mergeCell ref="N29:N31"/>
    <mergeCell ref="O32:O34"/>
    <mergeCell ref="N32:N34"/>
  </mergeCells>
  <phoneticPr fontId="1"/>
  <pageMargins left="0.43307086614173229" right="0.39370078740157483" top="0.19685039370078741" bottom="0" header="0.19685039370078741" footer="0.19685039370078741"/>
  <pageSetup paperSize="9" firstPageNumber="222" pageOrder="overThenDown" orientation="portrait" useFirstPageNumber="1" r:id="rId1"/>
  <headerFooter>
    <oddFooter>&amp;C- &amp;P -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792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791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199</v>
      </c>
      <c r="I11" s="52" t="s">
        <v>23</v>
      </c>
      <c r="J11" s="53" t="s">
        <v>200</v>
      </c>
      <c r="K11" s="183" t="s">
        <v>22</v>
      </c>
      <c r="L11" s="52"/>
      <c r="M11" s="205" t="s">
        <v>22</v>
      </c>
      <c r="N11" s="54" t="s">
        <v>201</v>
      </c>
      <c r="O11" s="55"/>
      <c r="P11" s="228"/>
      <c r="Q11" s="294"/>
      <c r="R11" s="52"/>
      <c r="S11" s="55"/>
      <c r="T11" s="204" t="s">
        <v>204</v>
      </c>
      <c r="U11" s="55"/>
      <c r="V11" s="53" t="s">
        <v>22</v>
      </c>
      <c r="W11" s="54" t="s">
        <v>22</v>
      </c>
      <c r="X11" s="54" t="s">
        <v>22</v>
      </c>
      <c r="Y11" s="54" t="s">
        <v>778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790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789</v>
      </c>
      <c r="I14" s="169"/>
      <c r="J14" s="44" t="s">
        <v>22</v>
      </c>
      <c r="K14" s="192" t="s">
        <v>22</v>
      </c>
      <c r="L14" s="169"/>
      <c r="M14" s="191" t="s">
        <v>22</v>
      </c>
      <c r="N14" s="45" t="s">
        <v>789</v>
      </c>
      <c r="O14" s="168"/>
      <c r="P14" s="168"/>
      <c r="Q14" s="170"/>
      <c r="R14" s="169"/>
      <c r="S14" s="168"/>
      <c r="T14" s="190" t="s">
        <v>22</v>
      </c>
      <c r="U14" s="168"/>
      <c r="V14" s="44" t="s">
        <v>22</v>
      </c>
      <c r="W14" s="45" t="s">
        <v>22</v>
      </c>
      <c r="X14" s="45" t="s">
        <v>22</v>
      </c>
      <c r="Y14" s="45" t="s">
        <v>789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1" t="s">
        <v>790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789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789</v>
      </c>
      <c r="O17" s="168"/>
      <c r="P17" s="168"/>
      <c r="Q17" s="170"/>
      <c r="R17" s="169"/>
      <c r="S17" s="168"/>
      <c r="T17" s="190" t="s">
        <v>22</v>
      </c>
      <c r="U17" s="168"/>
      <c r="V17" s="44" t="s">
        <v>22</v>
      </c>
      <c r="W17" s="45" t="s">
        <v>22</v>
      </c>
      <c r="X17" s="45" t="s">
        <v>22</v>
      </c>
      <c r="Y17" s="45" t="s">
        <v>789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35</v>
      </c>
      <c r="Q19" s="221" t="s">
        <v>788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787</v>
      </c>
      <c r="T20" s="190" t="s">
        <v>22</v>
      </c>
      <c r="U20" s="168"/>
      <c r="V20" s="44" t="s">
        <v>22</v>
      </c>
      <c r="W20" s="45" t="s">
        <v>22</v>
      </c>
      <c r="X20" s="45" t="s">
        <v>22</v>
      </c>
      <c r="Y20" s="45" t="s">
        <v>787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94"/>
      <c r="E22" s="169"/>
      <c r="F22" s="41"/>
      <c r="G22" s="169"/>
      <c r="H22" s="44"/>
      <c r="I22" s="169"/>
      <c r="J22" s="44"/>
      <c r="K22" s="192"/>
      <c r="L22" s="169"/>
      <c r="M22" s="191"/>
      <c r="N22" s="45"/>
      <c r="O22" s="168"/>
      <c r="P22" s="227" t="s">
        <v>37</v>
      </c>
      <c r="Q22" s="221" t="s">
        <v>786</v>
      </c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4"/>
      <c r="E23" s="169"/>
      <c r="F23" s="41"/>
      <c r="G23" s="169"/>
      <c r="H23" s="44"/>
      <c r="I23" s="169"/>
      <c r="J23" s="44"/>
      <c r="K23" s="192"/>
      <c r="L23" s="169"/>
      <c r="M23" s="191"/>
      <c r="N23" s="45"/>
      <c r="O23" s="168"/>
      <c r="P23" s="228"/>
      <c r="Q23" s="222"/>
      <c r="R23" s="169"/>
      <c r="S23" s="168" t="s">
        <v>785</v>
      </c>
      <c r="T23" s="190" t="s">
        <v>22</v>
      </c>
      <c r="U23" s="168"/>
      <c r="V23" s="44" t="s">
        <v>22</v>
      </c>
      <c r="W23" s="45" t="s">
        <v>22</v>
      </c>
      <c r="X23" s="45" t="s">
        <v>22</v>
      </c>
      <c r="Y23" s="45" t="s">
        <v>785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4"/>
      <c r="E24" s="169"/>
      <c r="F24" s="41"/>
      <c r="G24" s="169"/>
      <c r="H24" s="44"/>
      <c r="I24" s="169"/>
      <c r="J24" s="44"/>
      <c r="K24" s="192"/>
      <c r="L24" s="169"/>
      <c r="M24" s="191"/>
      <c r="N24" s="45"/>
      <c r="O24" s="168"/>
      <c r="P24" s="229"/>
      <c r="Q24" s="223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4"/>
      <c r="E25" s="169"/>
      <c r="F25" s="41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39</v>
      </c>
      <c r="Q25" s="221" t="s">
        <v>704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4"/>
      <c r="E26" s="169"/>
      <c r="F26" s="41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784</v>
      </c>
      <c r="T26" s="190" t="s">
        <v>22</v>
      </c>
      <c r="U26" s="168"/>
      <c r="V26" s="44" t="s">
        <v>22</v>
      </c>
      <c r="W26" s="45" t="s">
        <v>22</v>
      </c>
      <c r="X26" s="45" t="s">
        <v>22</v>
      </c>
      <c r="Y26" s="45" t="s">
        <v>784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4"/>
      <c r="E27" s="169"/>
      <c r="F27" s="41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41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40</v>
      </c>
      <c r="Q28" s="221" t="s">
        <v>700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41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783</v>
      </c>
      <c r="T29" s="190" t="s">
        <v>22</v>
      </c>
      <c r="U29" s="168"/>
      <c r="V29" s="44" t="s">
        <v>22</v>
      </c>
      <c r="W29" s="45" t="s">
        <v>22</v>
      </c>
      <c r="X29" s="45" t="s">
        <v>22</v>
      </c>
      <c r="Y29" s="45" t="s">
        <v>783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41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79</v>
      </c>
      <c r="Q31" s="221" t="s">
        <v>699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782</v>
      </c>
      <c r="T32" s="190" t="s">
        <v>22</v>
      </c>
      <c r="U32" s="168"/>
      <c r="V32" s="44" t="s">
        <v>22</v>
      </c>
      <c r="W32" s="45" t="s">
        <v>22</v>
      </c>
      <c r="X32" s="45" t="s">
        <v>22</v>
      </c>
      <c r="Y32" s="45" t="s">
        <v>782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100</v>
      </c>
      <c r="Q34" s="230" t="s">
        <v>695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91</v>
      </c>
      <c r="T35" s="190" t="s">
        <v>22</v>
      </c>
      <c r="U35" s="168"/>
      <c r="V35" s="44" t="s">
        <v>22</v>
      </c>
      <c r="W35" s="45" t="s">
        <v>22</v>
      </c>
      <c r="X35" s="45" t="s">
        <v>22</v>
      </c>
      <c r="Y35" s="45" t="s">
        <v>91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680</v>
      </c>
      <c r="Q37" s="230" t="s">
        <v>679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781</v>
      </c>
      <c r="T38" s="190" t="s">
        <v>22</v>
      </c>
      <c r="U38" s="168"/>
      <c r="V38" s="44" t="s">
        <v>22</v>
      </c>
      <c r="W38" s="45" t="s">
        <v>22</v>
      </c>
      <c r="X38" s="45" t="s">
        <v>22</v>
      </c>
      <c r="Y38" s="45" t="s">
        <v>781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72"/>
      <c r="D39" s="203"/>
      <c r="E39" s="172"/>
      <c r="F39" s="90"/>
      <c r="G39" s="172"/>
      <c r="H39" s="92"/>
      <c r="I39" s="172"/>
      <c r="J39" s="92"/>
      <c r="K39" s="202"/>
      <c r="L39" s="172"/>
      <c r="M39" s="201"/>
      <c r="N39" s="48"/>
      <c r="O39" s="174"/>
      <c r="P39" s="229"/>
      <c r="Q39" s="223"/>
      <c r="R39" s="172"/>
      <c r="S39" s="174"/>
      <c r="T39" s="200"/>
      <c r="U39" s="174"/>
      <c r="V39" s="92"/>
      <c r="W39" s="48"/>
      <c r="X39" s="48"/>
      <c r="Y39" s="48"/>
      <c r="Z39" s="199"/>
      <c r="AA39" s="95"/>
      <c r="AB39" s="95"/>
      <c r="AC39" s="95"/>
      <c r="AD39" s="96"/>
      <c r="AE39" s="97"/>
      <c r="AF39" s="97"/>
      <c r="AG39" s="97"/>
      <c r="AH39" s="95"/>
      <c r="AI39" s="95"/>
      <c r="AJ39" s="95"/>
      <c r="AK39" s="95"/>
      <c r="AL39" s="96"/>
      <c r="AM39" s="97"/>
      <c r="AN39" s="97"/>
      <c r="AO39" s="98"/>
    </row>
    <row r="40" spans="1:41" s="59" customFormat="1" ht="9.75" customHeight="1">
      <c r="A40" s="40"/>
      <c r="B40" s="170"/>
      <c r="C40" s="218" t="s">
        <v>25</v>
      </c>
      <c r="D40" s="221" t="s">
        <v>780</v>
      </c>
      <c r="E40" s="162"/>
      <c r="F40" s="163"/>
      <c r="G40" s="162"/>
      <c r="H40" s="69"/>
      <c r="I40" s="162"/>
      <c r="J40" s="69"/>
      <c r="K40" s="198"/>
      <c r="L40" s="162"/>
      <c r="M40" s="197"/>
      <c r="N40" s="70"/>
      <c r="O40" s="167"/>
      <c r="P40" s="167"/>
      <c r="Q40" s="68"/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3"/>
      <c r="C41" s="219"/>
      <c r="D41" s="222"/>
      <c r="E41" s="169"/>
      <c r="F41" s="170"/>
      <c r="G41" s="169"/>
      <c r="H41" s="44" t="s">
        <v>203</v>
      </c>
      <c r="I41" s="169" t="s">
        <v>23</v>
      </c>
      <c r="J41" s="44" t="s">
        <v>200</v>
      </c>
      <c r="K41" s="192" t="s">
        <v>22</v>
      </c>
      <c r="L41" s="169"/>
      <c r="M41" s="191" t="s">
        <v>22</v>
      </c>
      <c r="N41" s="45" t="s">
        <v>63</v>
      </c>
      <c r="O41" s="168"/>
      <c r="P41" s="168"/>
      <c r="Q41" s="41"/>
      <c r="R41" s="169"/>
      <c r="S41" s="168"/>
      <c r="T41" s="190" t="s">
        <v>204</v>
      </c>
      <c r="U41" s="168"/>
      <c r="V41" s="44" t="s">
        <v>22</v>
      </c>
      <c r="W41" s="45" t="s">
        <v>22</v>
      </c>
      <c r="X41" s="45" t="s">
        <v>22</v>
      </c>
      <c r="Y41" s="45" t="s">
        <v>779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3"/>
      <c r="C42" s="219"/>
      <c r="D42" s="222"/>
      <c r="E42" s="169"/>
      <c r="F42" s="170"/>
      <c r="G42" s="169"/>
      <c r="H42" s="44"/>
      <c r="I42" s="169"/>
      <c r="J42" s="44"/>
      <c r="K42" s="192"/>
      <c r="L42" s="169"/>
      <c r="M42" s="191"/>
      <c r="N42" s="45"/>
      <c r="O42" s="168"/>
      <c r="P42" s="168"/>
      <c r="Q42" s="41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70"/>
      <c r="E43" s="218" t="s">
        <v>21</v>
      </c>
      <c r="F43" s="221" t="s">
        <v>725</v>
      </c>
      <c r="G43" s="162"/>
      <c r="H43" s="69"/>
      <c r="I43" s="162"/>
      <c r="J43" s="69"/>
      <c r="K43" s="198"/>
      <c r="L43" s="162"/>
      <c r="M43" s="197"/>
      <c r="N43" s="70"/>
      <c r="O43" s="167"/>
      <c r="P43" s="167"/>
      <c r="Q43" s="68"/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3"/>
      <c r="E44" s="219"/>
      <c r="F44" s="222"/>
      <c r="G44" s="169"/>
      <c r="H44" s="44" t="s">
        <v>203</v>
      </c>
      <c r="I44" s="169" t="s">
        <v>23</v>
      </c>
      <c r="J44" s="44" t="s">
        <v>200</v>
      </c>
      <c r="K44" s="192" t="s">
        <v>22</v>
      </c>
      <c r="L44" s="169"/>
      <c r="M44" s="191" t="s">
        <v>22</v>
      </c>
      <c r="N44" s="45" t="s">
        <v>63</v>
      </c>
      <c r="O44" s="168"/>
      <c r="P44" s="168"/>
      <c r="Q44" s="170"/>
      <c r="R44" s="169"/>
      <c r="S44" s="168"/>
      <c r="T44" s="190" t="s">
        <v>204</v>
      </c>
      <c r="U44" s="168"/>
      <c r="V44" s="44" t="s">
        <v>22</v>
      </c>
      <c r="W44" s="45" t="s">
        <v>22</v>
      </c>
      <c r="X44" s="45" t="s">
        <v>22</v>
      </c>
      <c r="Y44" s="45" t="s">
        <v>779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3"/>
      <c r="E45" s="219"/>
      <c r="F45" s="222"/>
      <c r="G45" s="169"/>
      <c r="H45" s="44"/>
      <c r="I45" s="169"/>
      <c r="J45" s="44"/>
      <c r="K45" s="192"/>
      <c r="L45" s="169"/>
      <c r="M45" s="191"/>
      <c r="N45" s="45"/>
      <c r="O45" s="168"/>
      <c r="P45" s="168"/>
      <c r="Q45" s="170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170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726</v>
      </c>
      <c r="Q46" s="221" t="s">
        <v>725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170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63</v>
      </c>
      <c r="T47" s="190" t="s">
        <v>204</v>
      </c>
      <c r="U47" s="168"/>
      <c r="V47" s="44" t="s">
        <v>22</v>
      </c>
      <c r="W47" s="45" t="s">
        <v>22</v>
      </c>
      <c r="X47" s="45" t="s">
        <v>22</v>
      </c>
      <c r="Y47" s="45" t="s">
        <v>779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170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76"/>
      <c r="B49" s="188"/>
      <c r="C49" s="167"/>
      <c r="D49" s="188"/>
      <c r="E49" s="167"/>
      <c r="F49" s="68"/>
      <c r="G49" s="103"/>
      <c r="H49" s="104"/>
      <c r="I49" s="103"/>
      <c r="J49" s="104"/>
      <c r="K49" s="187"/>
      <c r="L49" s="103"/>
      <c r="M49" s="186"/>
      <c r="N49" s="105"/>
      <c r="O49" s="106"/>
      <c r="P49" s="106"/>
      <c r="Q49" s="65"/>
      <c r="R49" s="103"/>
      <c r="S49" s="106"/>
      <c r="T49" s="185"/>
      <c r="U49" s="106"/>
      <c r="V49" s="104"/>
      <c r="W49" s="105"/>
      <c r="X49" s="105"/>
      <c r="Y49" s="105"/>
      <c r="Z49" s="184" t="s">
        <v>1</v>
      </c>
      <c r="AA49" s="109"/>
      <c r="AB49" s="109"/>
      <c r="AC49" s="109"/>
      <c r="AD49" s="110"/>
      <c r="AE49" s="111"/>
      <c r="AF49" s="111"/>
      <c r="AG49" s="111"/>
      <c r="AH49" s="109"/>
      <c r="AI49" s="109"/>
      <c r="AJ49" s="109"/>
      <c r="AK49" s="109"/>
      <c r="AL49" s="110"/>
      <c r="AM49" s="111"/>
      <c r="AN49" s="111"/>
      <c r="AO49" s="112"/>
    </row>
    <row r="50" spans="1:41" s="59" customFormat="1" ht="9.75" customHeight="1">
      <c r="A50" s="248" t="s">
        <v>660</v>
      </c>
      <c r="B50" s="249"/>
      <c r="C50" s="250"/>
      <c r="D50" s="250"/>
      <c r="E50" s="250"/>
      <c r="F50" s="236"/>
      <c r="G50" s="273" t="s">
        <v>199</v>
      </c>
      <c r="H50" s="274"/>
      <c r="I50" s="52" t="s">
        <v>23</v>
      </c>
      <c r="J50" s="53" t="s">
        <v>200</v>
      </c>
      <c r="K50" s="54" t="s">
        <v>22</v>
      </c>
      <c r="L50" s="52"/>
      <c r="M50" s="53" t="s">
        <v>22</v>
      </c>
      <c r="N50" s="183" t="s">
        <v>201</v>
      </c>
      <c r="O50" s="182"/>
      <c r="P50" s="55"/>
      <c r="Q50" s="56"/>
      <c r="R50" s="52"/>
      <c r="S50" s="55"/>
      <c r="T50" s="181" t="s">
        <v>204</v>
      </c>
      <c r="U50" s="55"/>
      <c r="V50" s="53" t="s">
        <v>22</v>
      </c>
      <c r="W50" s="54" t="s">
        <v>22</v>
      </c>
      <c r="X50" s="53" t="s">
        <v>22</v>
      </c>
      <c r="Y50" s="54" t="s">
        <v>778</v>
      </c>
      <c r="Z50" s="180"/>
      <c r="AA50" s="61"/>
      <c r="AB50" s="61"/>
      <c r="AC50" s="61"/>
      <c r="AD50" s="61"/>
      <c r="AE50" s="62"/>
      <c r="AF50" s="62"/>
      <c r="AG50" s="62"/>
      <c r="AH50" s="60"/>
      <c r="AI50" s="60"/>
      <c r="AJ50" s="60"/>
      <c r="AK50" s="60"/>
      <c r="AL50" s="61"/>
      <c r="AM50" s="61"/>
      <c r="AN50" s="61"/>
      <c r="AO50" s="63"/>
    </row>
    <row r="51" spans="1:41" s="59" customFormat="1" ht="9.75" customHeight="1">
      <c r="A51" s="77"/>
      <c r="B51" s="179"/>
      <c r="C51" s="82"/>
      <c r="D51" s="179"/>
      <c r="E51" s="82"/>
      <c r="F51" s="78"/>
      <c r="G51" s="79"/>
      <c r="H51" s="80"/>
      <c r="I51" s="79"/>
      <c r="J51" s="80"/>
      <c r="K51" s="178"/>
      <c r="L51" s="79"/>
      <c r="M51" s="177"/>
      <c r="N51" s="81"/>
      <c r="O51" s="82"/>
      <c r="P51" s="82"/>
      <c r="Q51" s="78"/>
      <c r="R51" s="79"/>
      <c r="S51" s="82"/>
      <c r="T51" s="176"/>
      <c r="U51" s="82"/>
      <c r="V51" s="80"/>
      <c r="W51" s="81"/>
      <c r="X51" s="81"/>
      <c r="Y51" s="81"/>
      <c r="Z51" s="175"/>
      <c r="AA51" s="117"/>
      <c r="AB51" s="117"/>
      <c r="AC51" s="117"/>
      <c r="AD51" s="118"/>
      <c r="AE51" s="119"/>
      <c r="AF51" s="119"/>
      <c r="AG51" s="119"/>
      <c r="AH51" s="117"/>
      <c r="AI51" s="117"/>
      <c r="AJ51" s="117"/>
      <c r="AK51" s="117"/>
      <c r="AL51" s="118"/>
      <c r="AM51" s="119"/>
      <c r="AN51" s="119"/>
      <c r="AO51" s="120"/>
    </row>
    <row r="52" spans="1:41" ht="9.75" customHeight="1">
      <c r="A52" s="134"/>
      <c r="B52" s="135"/>
      <c r="C52" s="135"/>
      <c r="D52" s="135"/>
      <c r="E52" s="135"/>
      <c r="F52" s="135"/>
      <c r="G52" s="135"/>
      <c r="H52" s="135"/>
      <c r="I52" s="135"/>
      <c r="J52" s="135"/>
      <c r="K52" s="135"/>
      <c r="L52" s="135"/>
      <c r="M52" s="135"/>
      <c r="N52" s="135"/>
      <c r="O52" s="135"/>
      <c r="P52" s="135"/>
      <c r="Q52" s="135"/>
      <c r="R52" s="135"/>
      <c r="S52" s="135"/>
      <c r="T52" s="135"/>
      <c r="U52" s="135"/>
      <c r="V52" s="135"/>
      <c r="W52" s="135"/>
      <c r="X52" s="135"/>
      <c r="Y52" s="135"/>
      <c r="Z52" s="136"/>
      <c r="AA52" s="136"/>
      <c r="AB52" s="136"/>
      <c r="AC52" s="136"/>
      <c r="AD52" s="136"/>
      <c r="AE52" s="136"/>
      <c r="AF52" s="136"/>
      <c r="AG52" s="136"/>
      <c r="AH52" s="136"/>
      <c r="AI52" s="136"/>
      <c r="AJ52" s="136"/>
      <c r="AK52" s="136"/>
      <c r="AL52" s="136"/>
      <c r="AM52" s="136"/>
      <c r="AN52" s="136"/>
      <c r="AO52" s="137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9">
    <mergeCell ref="Q46:Q48"/>
    <mergeCell ref="P46:P48"/>
    <mergeCell ref="P28:P30"/>
    <mergeCell ref="Q31:Q33"/>
    <mergeCell ref="P31:P33"/>
    <mergeCell ref="Q34:Q36"/>
    <mergeCell ref="P34:P36"/>
    <mergeCell ref="Q37:Q39"/>
    <mergeCell ref="P37:P39"/>
    <mergeCell ref="B10:B12"/>
    <mergeCell ref="A10:A12"/>
    <mergeCell ref="D13:D15"/>
    <mergeCell ref="C13:C15"/>
    <mergeCell ref="F43:F45"/>
    <mergeCell ref="E43:E45"/>
    <mergeCell ref="C40:C42"/>
    <mergeCell ref="F16:F18"/>
    <mergeCell ref="E16:E18"/>
    <mergeCell ref="Q28:Q30"/>
    <mergeCell ref="R7:S8"/>
    <mergeCell ref="Q10:Q12"/>
    <mergeCell ref="P10:P12"/>
    <mergeCell ref="Q19:Q21"/>
    <mergeCell ref="P19:P21"/>
    <mergeCell ref="Q22:Q24"/>
    <mergeCell ref="P22:P24"/>
    <mergeCell ref="Q25:Q27"/>
    <mergeCell ref="P25:P27"/>
    <mergeCell ref="T5:T8"/>
    <mergeCell ref="U5:X5"/>
    <mergeCell ref="X6:X8"/>
    <mergeCell ref="P7:Q8"/>
    <mergeCell ref="D40:D42"/>
    <mergeCell ref="A50:F50"/>
    <mergeCell ref="G50:H50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40" pageOrder="overThenDown" orientation="portrait" useFirstPageNumber="1" r:id="rId1"/>
  <headerFooter>
    <oddFooter>&amp;C- &amp;P -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10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638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33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0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211</v>
      </c>
      <c r="I12" s="52"/>
      <c r="J12" s="53" t="s">
        <v>22</v>
      </c>
      <c r="K12" s="54" t="s">
        <v>22</v>
      </c>
      <c r="L12" s="54" t="s">
        <v>211</v>
      </c>
      <c r="M12" s="55"/>
      <c r="N12" s="55"/>
      <c r="O12" s="56"/>
      <c r="P12" s="52"/>
      <c r="Q12" s="53"/>
      <c r="R12" s="52" t="s">
        <v>212</v>
      </c>
      <c r="S12" s="57"/>
      <c r="T12" s="58" t="s">
        <v>213</v>
      </c>
      <c r="U12" s="53" t="s">
        <v>22</v>
      </c>
      <c r="V12" s="52"/>
      <c r="W12" s="53" t="s">
        <v>214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109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15</v>
      </c>
      <c r="I15" s="43"/>
      <c r="J15" s="44" t="s">
        <v>22</v>
      </c>
      <c r="K15" s="45" t="s">
        <v>22</v>
      </c>
      <c r="L15" s="45" t="s">
        <v>215</v>
      </c>
      <c r="M15" s="42"/>
      <c r="N15" s="42"/>
      <c r="O15" s="64"/>
      <c r="P15" s="43"/>
      <c r="Q15" s="44"/>
      <c r="R15" s="43" t="s">
        <v>216</v>
      </c>
      <c r="S15" s="46"/>
      <c r="T15" s="47" t="s">
        <v>217</v>
      </c>
      <c r="U15" s="44" t="s">
        <v>22</v>
      </c>
      <c r="V15" s="43"/>
      <c r="W15" s="44" t="s">
        <v>218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12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15</v>
      </c>
      <c r="I18" s="43"/>
      <c r="J18" s="44" t="s">
        <v>22</v>
      </c>
      <c r="K18" s="45" t="s">
        <v>22</v>
      </c>
      <c r="L18" s="45" t="s">
        <v>215</v>
      </c>
      <c r="M18" s="42"/>
      <c r="N18" s="42"/>
      <c r="O18" s="64"/>
      <c r="P18" s="43"/>
      <c r="Q18" s="44"/>
      <c r="R18" s="43" t="s">
        <v>216</v>
      </c>
      <c r="S18" s="46"/>
      <c r="T18" s="47" t="s">
        <v>217</v>
      </c>
      <c r="U18" s="44" t="s">
        <v>22</v>
      </c>
      <c r="V18" s="43"/>
      <c r="W18" s="44" t="s">
        <v>218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30" t="s">
        <v>581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215</v>
      </c>
      <c r="R21" s="43" t="s">
        <v>216</v>
      </c>
      <c r="S21" s="46"/>
      <c r="T21" s="47" t="s">
        <v>217</v>
      </c>
      <c r="U21" s="44" t="s">
        <v>22</v>
      </c>
      <c r="V21" s="43"/>
      <c r="W21" s="44" t="s">
        <v>218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80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219</v>
      </c>
      <c r="I24" s="43"/>
      <c r="J24" s="44" t="s">
        <v>22</v>
      </c>
      <c r="K24" s="45" t="s">
        <v>22</v>
      </c>
      <c r="L24" s="45" t="s">
        <v>219</v>
      </c>
      <c r="M24" s="42"/>
      <c r="N24" s="42"/>
      <c r="O24" s="41"/>
      <c r="P24" s="43"/>
      <c r="Q24" s="44"/>
      <c r="R24" s="43" t="s">
        <v>220</v>
      </c>
      <c r="S24" s="46"/>
      <c r="T24" s="47" t="s">
        <v>220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80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219</v>
      </c>
      <c r="I27" s="43"/>
      <c r="J27" s="44" t="s">
        <v>22</v>
      </c>
      <c r="K27" s="45" t="s">
        <v>22</v>
      </c>
      <c r="L27" s="45" t="s">
        <v>219</v>
      </c>
      <c r="M27" s="42"/>
      <c r="N27" s="42"/>
      <c r="O27" s="64"/>
      <c r="P27" s="43"/>
      <c r="Q27" s="44"/>
      <c r="R27" s="43" t="s">
        <v>220</v>
      </c>
      <c r="S27" s="46"/>
      <c r="T27" s="47" t="s">
        <v>220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6</v>
      </c>
      <c r="D29" s="221" t="s">
        <v>82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221</v>
      </c>
      <c r="I30" s="43"/>
      <c r="J30" s="44" t="s">
        <v>22</v>
      </c>
      <c r="K30" s="45" t="s">
        <v>22</v>
      </c>
      <c r="L30" s="45" t="s">
        <v>221</v>
      </c>
      <c r="M30" s="42"/>
      <c r="N30" s="42"/>
      <c r="O30" s="41"/>
      <c r="P30" s="43"/>
      <c r="Q30" s="44"/>
      <c r="R30" s="43" t="s">
        <v>222</v>
      </c>
      <c r="S30" s="46"/>
      <c r="T30" s="47" t="s">
        <v>223</v>
      </c>
      <c r="U30" s="44" t="s">
        <v>22</v>
      </c>
      <c r="V30" s="43"/>
      <c r="W30" s="44" t="s">
        <v>224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21" t="s">
        <v>83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38</v>
      </c>
      <c r="I33" s="43"/>
      <c r="J33" s="44" t="s">
        <v>22</v>
      </c>
      <c r="K33" s="45" t="s">
        <v>22</v>
      </c>
      <c r="L33" s="45" t="s">
        <v>38</v>
      </c>
      <c r="M33" s="42"/>
      <c r="N33" s="42"/>
      <c r="O33" s="64"/>
      <c r="P33" s="43"/>
      <c r="Q33" s="44"/>
      <c r="R33" s="43" t="s">
        <v>225</v>
      </c>
      <c r="S33" s="46"/>
      <c r="T33" s="47" t="s">
        <v>225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43"/>
      <c r="D34" s="64"/>
      <c r="E34" s="220"/>
      <c r="F34" s="223"/>
      <c r="G34" s="43"/>
      <c r="H34" s="44"/>
      <c r="I34" s="43"/>
      <c r="J34" s="44"/>
      <c r="K34" s="45"/>
      <c r="L34" s="45"/>
      <c r="M34" s="42"/>
      <c r="N34" s="42"/>
      <c r="O34" s="64"/>
      <c r="P34" s="43"/>
      <c r="Q34" s="44"/>
      <c r="R34" s="43"/>
      <c r="S34" s="46"/>
      <c r="T34" s="47"/>
      <c r="U34" s="44"/>
      <c r="V34" s="43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50"/>
      <c r="B35" s="51"/>
      <c r="C35" s="43"/>
      <c r="D35" s="64"/>
      <c r="E35" s="218" t="s">
        <v>25</v>
      </c>
      <c r="F35" s="221" t="s">
        <v>99</v>
      </c>
      <c r="G35" s="66"/>
      <c r="H35" s="69"/>
      <c r="I35" s="66"/>
      <c r="J35" s="69"/>
      <c r="K35" s="70"/>
      <c r="L35" s="70"/>
      <c r="M35" s="71"/>
      <c r="N35" s="71"/>
      <c r="O35" s="68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50"/>
      <c r="B36" s="51"/>
      <c r="C36" s="43"/>
      <c r="D36" s="64"/>
      <c r="E36" s="219"/>
      <c r="F36" s="222"/>
      <c r="G36" s="43"/>
      <c r="H36" s="44" t="s">
        <v>226</v>
      </c>
      <c r="I36" s="43"/>
      <c r="J36" s="44" t="s">
        <v>22</v>
      </c>
      <c r="K36" s="45" t="s">
        <v>22</v>
      </c>
      <c r="L36" s="45" t="s">
        <v>226</v>
      </c>
      <c r="M36" s="42"/>
      <c r="N36" s="42"/>
      <c r="O36" s="41"/>
      <c r="P36" s="43"/>
      <c r="Q36" s="44"/>
      <c r="R36" s="43" t="s">
        <v>227</v>
      </c>
      <c r="S36" s="46"/>
      <c r="T36" s="47" t="s">
        <v>228</v>
      </c>
      <c r="U36" s="44" t="s">
        <v>22</v>
      </c>
      <c r="V36" s="43"/>
      <c r="W36" s="44" t="s">
        <v>224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100"/>
      <c r="B37" s="114"/>
      <c r="C37" s="91"/>
      <c r="D37" s="102"/>
      <c r="E37" s="220"/>
      <c r="F37" s="223"/>
      <c r="G37" s="91"/>
      <c r="H37" s="92"/>
      <c r="I37" s="91"/>
      <c r="J37" s="92"/>
      <c r="K37" s="48"/>
      <c r="L37" s="48"/>
      <c r="M37" s="49"/>
      <c r="N37" s="49"/>
      <c r="O37" s="90"/>
      <c r="P37" s="91"/>
      <c r="Q37" s="92"/>
      <c r="R37" s="91"/>
      <c r="S37" s="93"/>
      <c r="T37" s="94"/>
      <c r="U37" s="92"/>
      <c r="V37" s="91"/>
      <c r="W37" s="92"/>
      <c r="X37" s="95"/>
      <c r="Y37" s="95"/>
      <c r="Z37" s="95"/>
      <c r="AA37" s="95"/>
      <c r="AB37" s="96"/>
      <c r="AC37" s="96"/>
      <c r="AD37" s="96"/>
      <c r="AE37" s="96"/>
      <c r="AF37" s="96"/>
      <c r="AG37" s="96"/>
      <c r="AH37" s="96"/>
      <c r="AI37" s="96"/>
      <c r="AJ37" s="96"/>
      <c r="AK37" s="97"/>
      <c r="AL37" s="97"/>
      <c r="AM37" s="98"/>
    </row>
    <row r="38" spans="1:39" s="59" customFormat="1" ht="9.75" customHeight="1">
      <c r="A38" s="76"/>
      <c r="B38" s="115"/>
      <c r="C38" s="115"/>
      <c r="D38" s="115"/>
      <c r="E38" s="115"/>
      <c r="F38" s="115"/>
      <c r="G38" s="103"/>
      <c r="H38" s="104"/>
      <c r="I38" s="103"/>
      <c r="J38" s="104"/>
      <c r="K38" s="105"/>
      <c r="L38" s="105"/>
      <c r="M38" s="106"/>
      <c r="N38" s="106"/>
      <c r="O38" s="65"/>
      <c r="P38" s="103"/>
      <c r="Q38" s="104"/>
      <c r="R38" s="103"/>
      <c r="S38" s="107"/>
      <c r="T38" s="108"/>
      <c r="U38" s="104"/>
      <c r="V38" s="103"/>
      <c r="W38" s="104"/>
      <c r="X38" s="109" t="s">
        <v>1</v>
      </c>
      <c r="Y38" s="109"/>
      <c r="Z38" s="109"/>
      <c r="AA38" s="109"/>
      <c r="AB38" s="110"/>
      <c r="AC38" s="110"/>
      <c r="AD38" s="110"/>
      <c r="AE38" s="110"/>
      <c r="AF38" s="110"/>
      <c r="AG38" s="110"/>
      <c r="AH38" s="110"/>
      <c r="AI38" s="110"/>
      <c r="AJ38" s="110"/>
      <c r="AK38" s="111"/>
      <c r="AL38" s="111"/>
      <c r="AM38" s="112"/>
    </row>
    <row r="39" spans="1:39" s="59" customFormat="1" ht="9.75" customHeight="1">
      <c r="A39" s="248" t="s">
        <v>19</v>
      </c>
      <c r="B39" s="249"/>
      <c r="C39" s="250"/>
      <c r="D39" s="250"/>
      <c r="E39" s="250"/>
      <c r="F39" s="236"/>
      <c r="G39" s="52"/>
      <c r="H39" s="53" t="s">
        <v>211</v>
      </c>
      <c r="I39" s="52"/>
      <c r="J39" s="53" t="s">
        <v>22</v>
      </c>
      <c r="K39" s="54" t="s">
        <v>22</v>
      </c>
      <c r="L39" s="54" t="s">
        <v>211</v>
      </c>
      <c r="M39" s="55"/>
      <c r="N39" s="55"/>
      <c r="O39" s="56"/>
      <c r="P39" s="52"/>
      <c r="Q39" s="53"/>
      <c r="R39" s="52" t="s">
        <v>212</v>
      </c>
      <c r="S39" s="57"/>
      <c r="T39" s="58" t="s">
        <v>213</v>
      </c>
      <c r="U39" s="53" t="s">
        <v>22</v>
      </c>
      <c r="V39" s="52"/>
      <c r="W39" s="53" t="s">
        <v>214</v>
      </c>
      <c r="X39" s="60"/>
      <c r="Y39" s="60"/>
      <c r="Z39" s="60"/>
      <c r="AA39" s="60"/>
      <c r="AB39" s="61"/>
      <c r="AC39" s="61"/>
      <c r="AD39" s="61"/>
      <c r="AE39" s="61"/>
      <c r="AF39" s="61"/>
      <c r="AG39" s="61"/>
      <c r="AH39" s="61"/>
      <c r="AI39" s="61"/>
      <c r="AJ39" s="61"/>
      <c r="AK39" s="62"/>
      <c r="AL39" s="62"/>
      <c r="AM39" s="63"/>
    </row>
    <row r="40" spans="1:39" s="59" customFormat="1" ht="9.75" customHeight="1">
      <c r="A40" s="77"/>
      <c r="B40" s="116"/>
      <c r="C40" s="116"/>
      <c r="D40" s="116"/>
      <c r="E40" s="116"/>
      <c r="F40" s="116"/>
      <c r="G40" s="79"/>
      <c r="H40" s="80"/>
      <c r="I40" s="79"/>
      <c r="J40" s="80"/>
      <c r="K40" s="81"/>
      <c r="L40" s="81"/>
      <c r="M40" s="82"/>
      <c r="N40" s="82"/>
      <c r="O40" s="78"/>
      <c r="P40" s="79"/>
      <c r="Q40" s="80"/>
      <c r="R40" s="79"/>
      <c r="S40" s="83"/>
      <c r="T40" s="84"/>
      <c r="U40" s="80"/>
      <c r="V40" s="79"/>
      <c r="W40" s="80"/>
      <c r="X40" s="117"/>
      <c r="Y40" s="117"/>
      <c r="Z40" s="117"/>
      <c r="AA40" s="117"/>
      <c r="AB40" s="118"/>
      <c r="AC40" s="118"/>
      <c r="AD40" s="118"/>
      <c r="AE40" s="118"/>
      <c r="AF40" s="118"/>
      <c r="AG40" s="118"/>
      <c r="AH40" s="118"/>
      <c r="AI40" s="118"/>
      <c r="AJ40" s="118"/>
      <c r="AK40" s="119"/>
      <c r="AL40" s="119"/>
      <c r="AM40" s="120"/>
    </row>
    <row r="41" spans="1:39" ht="9.75" customHeight="1">
      <c r="A41" s="134"/>
      <c r="B41" s="135"/>
      <c r="C41" s="135"/>
      <c r="D41" s="135"/>
      <c r="E41" s="135"/>
      <c r="F41" s="135"/>
      <c r="G41" s="135"/>
      <c r="H41" s="135"/>
      <c r="I41" s="135"/>
      <c r="J41" s="135"/>
      <c r="K41" s="135"/>
      <c r="L41" s="135"/>
      <c r="M41" s="135"/>
      <c r="N41" s="135"/>
      <c r="O41" s="135"/>
      <c r="P41" s="135"/>
      <c r="Q41" s="135"/>
      <c r="R41" s="135"/>
      <c r="S41" s="135"/>
      <c r="T41" s="135"/>
      <c r="U41" s="135"/>
      <c r="V41" s="135"/>
      <c r="W41" s="135"/>
      <c r="X41" s="136"/>
      <c r="Y41" s="136"/>
      <c r="Z41" s="136"/>
      <c r="AA41" s="136"/>
      <c r="AB41" s="136"/>
      <c r="AC41" s="136"/>
      <c r="AD41" s="136"/>
      <c r="AE41" s="136"/>
      <c r="AF41" s="136"/>
      <c r="AG41" s="136"/>
      <c r="AH41" s="136"/>
      <c r="AI41" s="136"/>
      <c r="AJ41" s="136"/>
      <c r="AK41" s="136"/>
      <c r="AL41" s="136"/>
      <c r="AM41" s="137"/>
    </row>
    <row r="42" spans="1:39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40"/>
    </row>
    <row r="43" spans="1:39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40"/>
    </row>
    <row r="44" spans="1:39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40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7">
    <mergeCell ref="A39:F39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29:C31"/>
    <mergeCell ref="F17:F19"/>
    <mergeCell ref="E17:E19"/>
    <mergeCell ref="F26:F28"/>
    <mergeCell ref="E26:E28"/>
    <mergeCell ref="F32:F34"/>
    <mergeCell ref="E32:E34"/>
    <mergeCell ref="F35:F37"/>
    <mergeCell ref="E35:E37"/>
    <mergeCell ref="O20:O22"/>
    <mergeCell ref="N20:N22"/>
  </mergeCells>
  <phoneticPr fontId="1"/>
  <pageMargins left="0.43307086614173229" right="0.39370078740157483" top="0.19685039370078741" bottom="0" header="0.19685039370078741" footer="0.19685039370078741"/>
  <pageSetup paperSize="9" firstPageNumber="242" pageOrder="overThenDown" orientation="portrait" useFirstPageNumber="1" r:id="rId1"/>
  <headerFooter>
    <oddFooter>&amp;C- &amp;P -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820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819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211</v>
      </c>
      <c r="I11" s="52"/>
      <c r="J11" s="53" t="s">
        <v>22</v>
      </c>
      <c r="K11" s="183" t="s">
        <v>22</v>
      </c>
      <c r="L11" s="52"/>
      <c r="M11" s="205" t="s">
        <v>22</v>
      </c>
      <c r="N11" s="54" t="s">
        <v>211</v>
      </c>
      <c r="O11" s="55"/>
      <c r="P11" s="228"/>
      <c r="Q11" s="294"/>
      <c r="R11" s="52"/>
      <c r="S11" s="55"/>
      <c r="T11" s="204" t="s">
        <v>213</v>
      </c>
      <c r="U11" s="55"/>
      <c r="V11" s="53" t="s">
        <v>22</v>
      </c>
      <c r="W11" s="54" t="s">
        <v>22</v>
      </c>
      <c r="X11" s="54" t="s">
        <v>22</v>
      </c>
      <c r="Y11" s="54" t="s">
        <v>793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817</v>
      </c>
      <c r="I14" s="169" t="s">
        <v>23</v>
      </c>
      <c r="J14" s="44" t="s">
        <v>817</v>
      </c>
      <c r="K14" s="192" t="s">
        <v>22</v>
      </c>
      <c r="L14" s="169"/>
      <c r="M14" s="191" t="s">
        <v>22</v>
      </c>
      <c r="N14" s="45" t="s">
        <v>22</v>
      </c>
      <c r="O14" s="168"/>
      <c r="P14" s="168"/>
      <c r="Q14" s="170"/>
      <c r="R14" s="169"/>
      <c r="S14" s="168"/>
      <c r="T14" s="190" t="s">
        <v>22</v>
      </c>
      <c r="U14" s="168"/>
      <c r="V14" s="44" t="s">
        <v>22</v>
      </c>
      <c r="W14" s="45" t="s">
        <v>22</v>
      </c>
      <c r="X14" s="45" t="s">
        <v>22</v>
      </c>
      <c r="Y14" s="45" t="s">
        <v>22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818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817</v>
      </c>
      <c r="I17" s="169" t="s">
        <v>23</v>
      </c>
      <c r="J17" s="44" t="s">
        <v>817</v>
      </c>
      <c r="K17" s="192" t="s">
        <v>22</v>
      </c>
      <c r="L17" s="169"/>
      <c r="M17" s="191" t="s">
        <v>22</v>
      </c>
      <c r="N17" s="45" t="s">
        <v>22</v>
      </c>
      <c r="O17" s="168"/>
      <c r="P17" s="168"/>
      <c r="Q17" s="170"/>
      <c r="R17" s="169"/>
      <c r="S17" s="168"/>
      <c r="T17" s="190" t="s">
        <v>22</v>
      </c>
      <c r="U17" s="168"/>
      <c r="V17" s="44" t="s">
        <v>22</v>
      </c>
      <c r="W17" s="45" t="s">
        <v>22</v>
      </c>
      <c r="X17" s="45" t="s">
        <v>22</v>
      </c>
      <c r="Y17" s="45" t="s">
        <v>22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72"/>
      <c r="D18" s="203"/>
      <c r="E18" s="220"/>
      <c r="F18" s="223"/>
      <c r="G18" s="172"/>
      <c r="H18" s="92"/>
      <c r="I18" s="172"/>
      <c r="J18" s="92"/>
      <c r="K18" s="202"/>
      <c r="L18" s="172"/>
      <c r="M18" s="201"/>
      <c r="N18" s="48"/>
      <c r="O18" s="174"/>
      <c r="P18" s="174"/>
      <c r="Q18" s="173"/>
      <c r="R18" s="172"/>
      <c r="S18" s="174"/>
      <c r="T18" s="200"/>
      <c r="U18" s="174"/>
      <c r="V18" s="92"/>
      <c r="W18" s="48"/>
      <c r="X18" s="48"/>
      <c r="Y18" s="48"/>
      <c r="Z18" s="199"/>
      <c r="AA18" s="95"/>
      <c r="AB18" s="95"/>
      <c r="AC18" s="95"/>
      <c r="AD18" s="96"/>
      <c r="AE18" s="97"/>
      <c r="AF18" s="97"/>
      <c r="AG18" s="97"/>
      <c r="AH18" s="95"/>
      <c r="AI18" s="95"/>
      <c r="AJ18" s="95"/>
      <c r="AK18" s="95"/>
      <c r="AL18" s="96"/>
      <c r="AM18" s="97"/>
      <c r="AN18" s="97"/>
      <c r="AO18" s="98"/>
    </row>
    <row r="19" spans="1:41" s="59" customFormat="1" ht="9.75" customHeight="1">
      <c r="A19" s="40"/>
      <c r="B19" s="170"/>
      <c r="C19" s="218" t="s">
        <v>25</v>
      </c>
      <c r="D19" s="221" t="s">
        <v>816</v>
      </c>
      <c r="E19" s="162"/>
      <c r="F19" s="163"/>
      <c r="G19" s="162"/>
      <c r="H19" s="69"/>
      <c r="I19" s="162"/>
      <c r="J19" s="69"/>
      <c r="K19" s="198"/>
      <c r="L19" s="162"/>
      <c r="M19" s="197"/>
      <c r="N19" s="70"/>
      <c r="O19" s="167"/>
      <c r="P19" s="167"/>
      <c r="Q19" s="68"/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3"/>
      <c r="C20" s="219"/>
      <c r="D20" s="222"/>
      <c r="E20" s="169"/>
      <c r="F20" s="170"/>
      <c r="G20" s="169"/>
      <c r="H20" s="44" t="s">
        <v>64</v>
      </c>
      <c r="I20" s="169" t="s">
        <v>23</v>
      </c>
      <c r="J20" s="44" t="s">
        <v>814</v>
      </c>
      <c r="K20" s="192" t="s">
        <v>22</v>
      </c>
      <c r="L20" s="169"/>
      <c r="M20" s="191" t="s">
        <v>22</v>
      </c>
      <c r="N20" s="45" t="s">
        <v>813</v>
      </c>
      <c r="O20" s="168"/>
      <c r="P20" s="168"/>
      <c r="Q20" s="41"/>
      <c r="R20" s="169"/>
      <c r="S20" s="168"/>
      <c r="T20" s="190" t="s">
        <v>812</v>
      </c>
      <c r="U20" s="168"/>
      <c r="V20" s="44" t="s">
        <v>22</v>
      </c>
      <c r="W20" s="45" t="s">
        <v>22</v>
      </c>
      <c r="X20" s="45" t="s">
        <v>22</v>
      </c>
      <c r="Y20" s="45" t="s">
        <v>811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3"/>
      <c r="C21" s="219"/>
      <c r="D21" s="222"/>
      <c r="E21" s="169"/>
      <c r="F21" s="170"/>
      <c r="G21" s="169"/>
      <c r="H21" s="44"/>
      <c r="I21" s="169"/>
      <c r="J21" s="44"/>
      <c r="K21" s="192"/>
      <c r="L21" s="169"/>
      <c r="M21" s="191"/>
      <c r="N21" s="45"/>
      <c r="O21" s="168"/>
      <c r="P21" s="168"/>
      <c r="Q21" s="41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70"/>
      <c r="E22" s="218" t="s">
        <v>21</v>
      </c>
      <c r="F22" s="221" t="s">
        <v>815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3"/>
      <c r="E23" s="219"/>
      <c r="F23" s="222"/>
      <c r="G23" s="169"/>
      <c r="H23" s="44" t="s">
        <v>64</v>
      </c>
      <c r="I23" s="169" t="s">
        <v>23</v>
      </c>
      <c r="J23" s="44" t="s">
        <v>814</v>
      </c>
      <c r="K23" s="192" t="s">
        <v>22</v>
      </c>
      <c r="L23" s="169"/>
      <c r="M23" s="191" t="s">
        <v>22</v>
      </c>
      <c r="N23" s="45" t="s">
        <v>813</v>
      </c>
      <c r="O23" s="168"/>
      <c r="P23" s="168"/>
      <c r="Q23" s="170"/>
      <c r="R23" s="169"/>
      <c r="S23" s="168"/>
      <c r="T23" s="190" t="s">
        <v>812</v>
      </c>
      <c r="U23" s="168"/>
      <c r="V23" s="44" t="s">
        <v>22</v>
      </c>
      <c r="W23" s="45" t="s">
        <v>22</v>
      </c>
      <c r="X23" s="45" t="s">
        <v>22</v>
      </c>
      <c r="Y23" s="45" t="s">
        <v>811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3"/>
      <c r="E24" s="219"/>
      <c r="F24" s="222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170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4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37</v>
      </c>
      <c r="Q25" s="221" t="s">
        <v>786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4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97</v>
      </c>
      <c r="T26" s="190" t="s">
        <v>810</v>
      </c>
      <c r="U26" s="168"/>
      <c r="V26" s="44" t="s">
        <v>22</v>
      </c>
      <c r="W26" s="45" t="s">
        <v>22</v>
      </c>
      <c r="X26" s="45" t="s">
        <v>22</v>
      </c>
      <c r="Y26" s="45" t="s">
        <v>809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4"/>
      <c r="E27" s="169"/>
      <c r="F27" s="170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41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9</v>
      </c>
      <c r="Q28" s="221" t="s">
        <v>704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41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47</v>
      </c>
      <c r="T29" s="190" t="s">
        <v>808</v>
      </c>
      <c r="U29" s="168"/>
      <c r="V29" s="44" t="s">
        <v>22</v>
      </c>
      <c r="W29" s="45" t="s">
        <v>22</v>
      </c>
      <c r="X29" s="45" t="s">
        <v>22</v>
      </c>
      <c r="Y29" s="45" t="s">
        <v>807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41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79</v>
      </c>
      <c r="Q31" s="221" t="s">
        <v>699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806</v>
      </c>
      <c r="T32" s="190" t="s">
        <v>805</v>
      </c>
      <c r="U32" s="168"/>
      <c r="V32" s="44" t="s">
        <v>22</v>
      </c>
      <c r="W32" s="45" t="s">
        <v>22</v>
      </c>
      <c r="X32" s="45" t="s">
        <v>22</v>
      </c>
      <c r="Y32" s="45" t="s">
        <v>804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72"/>
      <c r="D33" s="203"/>
      <c r="E33" s="172"/>
      <c r="F33" s="90"/>
      <c r="G33" s="172"/>
      <c r="H33" s="92"/>
      <c r="I33" s="172"/>
      <c r="J33" s="92"/>
      <c r="K33" s="202"/>
      <c r="L33" s="172"/>
      <c r="M33" s="201"/>
      <c r="N33" s="48"/>
      <c r="O33" s="174"/>
      <c r="P33" s="229"/>
      <c r="Q33" s="223"/>
      <c r="R33" s="172"/>
      <c r="S33" s="174"/>
      <c r="T33" s="200"/>
      <c r="U33" s="174"/>
      <c r="V33" s="92"/>
      <c r="W33" s="48"/>
      <c r="X33" s="48"/>
      <c r="Y33" s="48"/>
      <c r="Z33" s="199"/>
      <c r="AA33" s="95"/>
      <c r="AB33" s="95"/>
      <c r="AC33" s="95"/>
      <c r="AD33" s="96"/>
      <c r="AE33" s="97"/>
      <c r="AF33" s="97"/>
      <c r="AG33" s="97"/>
      <c r="AH33" s="95"/>
      <c r="AI33" s="95"/>
      <c r="AJ33" s="95"/>
      <c r="AK33" s="95"/>
      <c r="AL33" s="96"/>
      <c r="AM33" s="97"/>
      <c r="AN33" s="97"/>
      <c r="AO33" s="98"/>
    </row>
    <row r="34" spans="1:41" s="59" customFormat="1" ht="9.75" customHeight="1">
      <c r="A34" s="40"/>
      <c r="B34" s="170"/>
      <c r="C34" s="218" t="s">
        <v>26</v>
      </c>
      <c r="D34" s="221" t="s">
        <v>665</v>
      </c>
      <c r="E34" s="162"/>
      <c r="F34" s="163"/>
      <c r="G34" s="162"/>
      <c r="H34" s="69"/>
      <c r="I34" s="162"/>
      <c r="J34" s="69"/>
      <c r="K34" s="198"/>
      <c r="L34" s="162"/>
      <c r="M34" s="197"/>
      <c r="N34" s="70"/>
      <c r="O34" s="167"/>
      <c r="P34" s="167"/>
      <c r="Q34" s="68"/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3"/>
      <c r="C35" s="219"/>
      <c r="D35" s="222"/>
      <c r="E35" s="169"/>
      <c r="F35" s="170"/>
      <c r="G35" s="169"/>
      <c r="H35" s="44" t="s">
        <v>68</v>
      </c>
      <c r="I35" s="169"/>
      <c r="J35" s="44" t="s">
        <v>69</v>
      </c>
      <c r="K35" s="192" t="s">
        <v>22</v>
      </c>
      <c r="L35" s="169"/>
      <c r="M35" s="191" t="s">
        <v>22</v>
      </c>
      <c r="N35" s="45" t="s">
        <v>70</v>
      </c>
      <c r="O35" s="168"/>
      <c r="P35" s="168"/>
      <c r="Q35" s="41"/>
      <c r="R35" s="169"/>
      <c r="S35" s="168"/>
      <c r="T35" s="190" t="s">
        <v>71</v>
      </c>
      <c r="U35" s="168"/>
      <c r="V35" s="44" t="s">
        <v>22</v>
      </c>
      <c r="W35" s="45" t="s">
        <v>22</v>
      </c>
      <c r="X35" s="45" t="s">
        <v>22</v>
      </c>
      <c r="Y35" s="45" t="s">
        <v>803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3"/>
      <c r="C36" s="219"/>
      <c r="D36" s="222"/>
      <c r="E36" s="169"/>
      <c r="F36" s="170"/>
      <c r="G36" s="169"/>
      <c r="H36" s="44"/>
      <c r="I36" s="169"/>
      <c r="J36" s="44"/>
      <c r="K36" s="192"/>
      <c r="L36" s="169"/>
      <c r="M36" s="191"/>
      <c r="N36" s="45"/>
      <c r="O36" s="168"/>
      <c r="P36" s="168"/>
      <c r="Q36" s="41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70"/>
      <c r="E37" s="218" t="s">
        <v>21</v>
      </c>
      <c r="F37" s="230" t="s">
        <v>759</v>
      </c>
      <c r="G37" s="162"/>
      <c r="H37" s="69"/>
      <c r="I37" s="162"/>
      <c r="J37" s="69"/>
      <c r="K37" s="198"/>
      <c r="L37" s="162"/>
      <c r="M37" s="197"/>
      <c r="N37" s="70"/>
      <c r="O37" s="167"/>
      <c r="P37" s="167"/>
      <c r="Q37" s="68"/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3"/>
      <c r="E38" s="219"/>
      <c r="F38" s="222"/>
      <c r="G38" s="169"/>
      <c r="H38" s="44" t="s">
        <v>68</v>
      </c>
      <c r="I38" s="169"/>
      <c r="J38" s="44" t="s">
        <v>69</v>
      </c>
      <c r="K38" s="192" t="s">
        <v>22</v>
      </c>
      <c r="L38" s="169"/>
      <c r="M38" s="191" t="s">
        <v>22</v>
      </c>
      <c r="N38" s="45" t="s">
        <v>70</v>
      </c>
      <c r="O38" s="168"/>
      <c r="P38" s="168"/>
      <c r="Q38" s="170"/>
      <c r="R38" s="169"/>
      <c r="S38" s="168"/>
      <c r="T38" s="190" t="s">
        <v>71</v>
      </c>
      <c r="U38" s="168"/>
      <c r="V38" s="44" t="s">
        <v>22</v>
      </c>
      <c r="W38" s="45" t="s">
        <v>22</v>
      </c>
      <c r="X38" s="45" t="s">
        <v>22</v>
      </c>
      <c r="Y38" s="45" t="s">
        <v>803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3"/>
      <c r="E39" s="219"/>
      <c r="F39" s="222"/>
      <c r="G39" s="169"/>
      <c r="H39" s="44"/>
      <c r="I39" s="169"/>
      <c r="J39" s="44"/>
      <c r="K39" s="192"/>
      <c r="L39" s="169"/>
      <c r="M39" s="191"/>
      <c r="N39" s="45"/>
      <c r="O39" s="168"/>
      <c r="P39" s="168"/>
      <c r="Q39" s="170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170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666</v>
      </c>
      <c r="Q40" s="221" t="s">
        <v>665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170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70</v>
      </c>
      <c r="T41" s="190" t="s">
        <v>71</v>
      </c>
      <c r="U41" s="168"/>
      <c r="V41" s="44" t="s">
        <v>22</v>
      </c>
      <c r="W41" s="45" t="s">
        <v>22</v>
      </c>
      <c r="X41" s="45" t="s">
        <v>22</v>
      </c>
      <c r="Y41" s="45" t="s">
        <v>803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72"/>
      <c r="D42" s="203"/>
      <c r="E42" s="172"/>
      <c r="F42" s="173"/>
      <c r="G42" s="172"/>
      <c r="H42" s="92"/>
      <c r="I42" s="172"/>
      <c r="J42" s="92"/>
      <c r="K42" s="202"/>
      <c r="L42" s="172"/>
      <c r="M42" s="201"/>
      <c r="N42" s="48"/>
      <c r="O42" s="174"/>
      <c r="P42" s="229"/>
      <c r="Q42" s="223"/>
      <c r="R42" s="172"/>
      <c r="S42" s="174"/>
      <c r="T42" s="200"/>
      <c r="U42" s="174"/>
      <c r="V42" s="92"/>
      <c r="W42" s="48"/>
      <c r="X42" s="48"/>
      <c r="Y42" s="48"/>
      <c r="Z42" s="199"/>
      <c r="AA42" s="95"/>
      <c r="AB42" s="95"/>
      <c r="AC42" s="95"/>
      <c r="AD42" s="96"/>
      <c r="AE42" s="97"/>
      <c r="AF42" s="97"/>
      <c r="AG42" s="97"/>
      <c r="AH42" s="95"/>
      <c r="AI42" s="95"/>
      <c r="AJ42" s="95"/>
      <c r="AK42" s="95"/>
      <c r="AL42" s="96"/>
      <c r="AM42" s="97"/>
      <c r="AN42" s="97"/>
      <c r="AO42" s="98"/>
    </row>
    <row r="43" spans="1:41" s="59" customFormat="1" ht="9.75" customHeight="1">
      <c r="A43" s="40"/>
      <c r="B43" s="170"/>
      <c r="C43" s="218" t="s">
        <v>31</v>
      </c>
      <c r="D43" s="221" t="s">
        <v>802</v>
      </c>
      <c r="E43" s="162"/>
      <c r="F43" s="163"/>
      <c r="G43" s="162"/>
      <c r="H43" s="69"/>
      <c r="I43" s="162"/>
      <c r="J43" s="69"/>
      <c r="K43" s="198"/>
      <c r="L43" s="162"/>
      <c r="M43" s="197"/>
      <c r="N43" s="70"/>
      <c r="O43" s="167"/>
      <c r="P43" s="167"/>
      <c r="Q43" s="68"/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3"/>
      <c r="C44" s="219"/>
      <c r="D44" s="222"/>
      <c r="E44" s="169"/>
      <c r="F44" s="170"/>
      <c r="G44" s="169"/>
      <c r="H44" s="44" t="s">
        <v>800</v>
      </c>
      <c r="I44" s="169" t="s">
        <v>23</v>
      </c>
      <c r="J44" s="44" t="s">
        <v>799</v>
      </c>
      <c r="K44" s="192" t="s">
        <v>22</v>
      </c>
      <c r="L44" s="169"/>
      <c r="M44" s="191" t="s">
        <v>22</v>
      </c>
      <c r="N44" s="45" t="s">
        <v>798</v>
      </c>
      <c r="O44" s="168"/>
      <c r="P44" s="168"/>
      <c r="Q44" s="41"/>
      <c r="R44" s="169"/>
      <c r="S44" s="168"/>
      <c r="T44" s="190" t="s">
        <v>797</v>
      </c>
      <c r="U44" s="168"/>
      <c r="V44" s="44" t="s">
        <v>22</v>
      </c>
      <c r="W44" s="45" t="s">
        <v>22</v>
      </c>
      <c r="X44" s="45" t="s">
        <v>22</v>
      </c>
      <c r="Y44" s="45" t="s">
        <v>796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3"/>
      <c r="C45" s="219"/>
      <c r="D45" s="222"/>
      <c r="E45" s="169"/>
      <c r="F45" s="170"/>
      <c r="G45" s="169"/>
      <c r="H45" s="44"/>
      <c r="I45" s="169"/>
      <c r="J45" s="44"/>
      <c r="K45" s="192"/>
      <c r="L45" s="169"/>
      <c r="M45" s="191"/>
      <c r="N45" s="45"/>
      <c r="O45" s="168"/>
      <c r="P45" s="168"/>
      <c r="Q45" s="41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70"/>
      <c r="E46" s="218" t="s">
        <v>21</v>
      </c>
      <c r="F46" s="221" t="s">
        <v>801</v>
      </c>
      <c r="G46" s="162"/>
      <c r="H46" s="69"/>
      <c r="I46" s="162"/>
      <c r="J46" s="69"/>
      <c r="K46" s="198"/>
      <c r="L46" s="162"/>
      <c r="M46" s="197"/>
      <c r="N46" s="70"/>
      <c r="O46" s="167"/>
      <c r="P46" s="167"/>
      <c r="Q46" s="68"/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3"/>
      <c r="E47" s="219"/>
      <c r="F47" s="222"/>
      <c r="G47" s="169"/>
      <c r="H47" s="44" t="s">
        <v>800</v>
      </c>
      <c r="I47" s="169" t="s">
        <v>23</v>
      </c>
      <c r="J47" s="44" t="s">
        <v>799</v>
      </c>
      <c r="K47" s="192" t="s">
        <v>22</v>
      </c>
      <c r="L47" s="169"/>
      <c r="M47" s="191" t="s">
        <v>22</v>
      </c>
      <c r="N47" s="45" t="s">
        <v>798</v>
      </c>
      <c r="O47" s="168"/>
      <c r="P47" s="168"/>
      <c r="Q47" s="170"/>
      <c r="R47" s="169"/>
      <c r="S47" s="168"/>
      <c r="T47" s="190" t="s">
        <v>797</v>
      </c>
      <c r="U47" s="168"/>
      <c r="V47" s="44" t="s">
        <v>22</v>
      </c>
      <c r="W47" s="45" t="s">
        <v>22</v>
      </c>
      <c r="X47" s="45" t="s">
        <v>22</v>
      </c>
      <c r="Y47" s="45" t="s">
        <v>796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3"/>
      <c r="E48" s="219"/>
      <c r="F48" s="222"/>
      <c r="G48" s="169"/>
      <c r="H48" s="44"/>
      <c r="I48" s="169"/>
      <c r="J48" s="44"/>
      <c r="K48" s="192"/>
      <c r="L48" s="169"/>
      <c r="M48" s="191"/>
      <c r="N48" s="45"/>
      <c r="O48" s="168"/>
      <c r="P48" s="168"/>
      <c r="Q48" s="170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170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749</v>
      </c>
      <c r="Q49" s="230" t="s">
        <v>748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170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798</v>
      </c>
      <c r="T50" s="190" t="s">
        <v>797</v>
      </c>
      <c r="U50" s="168"/>
      <c r="V50" s="44" t="s">
        <v>22</v>
      </c>
      <c r="W50" s="45" t="s">
        <v>22</v>
      </c>
      <c r="X50" s="45" t="s">
        <v>22</v>
      </c>
      <c r="Y50" s="45" t="s">
        <v>796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72"/>
      <c r="D51" s="203"/>
      <c r="E51" s="172"/>
      <c r="F51" s="173"/>
      <c r="G51" s="172"/>
      <c r="H51" s="92"/>
      <c r="I51" s="172"/>
      <c r="J51" s="92"/>
      <c r="K51" s="202"/>
      <c r="L51" s="172"/>
      <c r="M51" s="201"/>
      <c r="N51" s="48"/>
      <c r="O51" s="174"/>
      <c r="P51" s="229"/>
      <c r="Q51" s="223"/>
      <c r="R51" s="172"/>
      <c r="S51" s="174"/>
      <c r="T51" s="200"/>
      <c r="U51" s="174"/>
      <c r="V51" s="92"/>
      <c r="W51" s="48"/>
      <c r="X51" s="48"/>
      <c r="Y51" s="48"/>
      <c r="Z51" s="199"/>
      <c r="AA51" s="95"/>
      <c r="AB51" s="95"/>
      <c r="AC51" s="95"/>
      <c r="AD51" s="96"/>
      <c r="AE51" s="97"/>
      <c r="AF51" s="97"/>
      <c r="AG51" s="97"/>
      <c r="AH51" s="95"/>
      <c r="AI51" s="95"/>
      <c r="AJ51" s="95"/>
      <c r="AK51" s="95"/>
      <c r="AL51" s="96"/>
      <c r="AM51" s="97"/>
      <c r="AN51" s="97"/>
      <c r="AO51" s="98"/>
    </row>
    <row r="52" spans="1:41" s="59" customFormat="1" ht="9.75" customHeight="1">
      <c r="A52" s="40"/>
      <c r="B52" s="170"/>
      <c r="C52" s="218" t="s">
        <v>32</v>
      </c>
      <c r="D52" s="221" t="s">
        <v>675</v>
      </c>
      <c r="E52" s="162"/>
      <c r="F52" s="163"/>
      <c r="G52" s="162"/>
      <c r="H52" s="69"/>
      <c r="I52" s="162"/>
      <c r="J52" s="69"/>
      <c r="K52" s="198"/>
      <c r="L52" s="162"/>
      <c r="M52" s="197"/>
      <c r="N52" s="70"/>
      <c r="O52" s="167"/>
      <c r="P52" s="167"/>
      <c r="Q52" s="68"/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3"/>
      <c r="C53" s="219"/>
      <c r="D53" s="222"/>
      <c r="E53" s="169"/>
      <c r="F53" s="170"/>
      <c r="G53" s="169"/>
      <c r="H53" s="44" t="s">
        <v>795</v>
      </c>
      <c r="I53" s="169"/>
      <c r="J53" s="44" t="s">
        <v>22</v>
      </c>
      <c r="K53" s="192" t="s">
        <v>22</v>
      </c>
      <c r="L53" s="169"/>
      <c r="M53" s="191" t="s">
        <v>22</v>
      </c>
      <c r="N53" s="45" t="s">
        <v>795</v>
      </c>
      <c r="O53" s="168"/>
      <c r="P53" s="168"/>
      <c r="Q53" s="41"/>
      <c r="R53" s="169"/>
      <c r="S53" s="168"/>
      <c r="T53" s="190" t="s">
        <v>795</v>
      </c>
      <c r="U53" s="168"/>
      <c r="V53" s="44" t="s">
        <v>22</v>
      </c>
      <c r="W53" s="45" t="s">
        <v>22</v>
      </c>
      <c r="X53" s="45" t="s">
        <v>22</v>
      </c>
      <c r="Y53" s="45" t="s">
        <v>22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3"/>
      <c r="C54" s="219"/>
      <c r="D54" s="222"/>
      <c r="E54" s="169"/>
      <c r="F54" s="170"/>
      <c r="G54" s="169"/>
      <c r="H54" s="44"/>
      <c r="I54" s="169"/>
      <c r="J54" s="44"/>
      <c r="K54" s="192"/>
      <c r="L54" s="169"/>
      <c r="M54" s="191"/>
      <c r="N54" s="45"/>
      <c r="O54" s="168"/>
      <c r="P54" s="168"/>
      <c r="Q54" s="41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70"/>
      <c r="E55" s="218" t="s">
        <v>21</v>
      </c>
      <c r="F55" s="221" t="s">
        <v>673</v>
      </c>
      <c r="G55" s="162"/>
      <c r="H55" s="69"/>
      <c r="I55" s="162"/>
      <c r="J55" s="69"/>
      <c r="K55" s="198"/>
      <c r="L55" s="162"/>
      <c r="M55" s="197"/>
      <c r="N55" s="70"/>
      <c r="O55" s="167"/>
      <c r="P55" s="167"/>
      <c r="Q55" s="68"/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3"/>
      <c r="E56" s="219"/>
      <c r="F56" s="222"/>
      <c r="G56" s="169"/>
      <c r="H56" s="44" t="s">
        <v>795</v>
      </c>
      <c r="I56" s="169"/>
      <c r="J56" s="44" t="s">
        <v>22</v>
      </c>
      <c r="K56" s="192" t="s">
        <v>22</v>
      </c>
      <c r="L56" s="169"/>
      <c r="M56" s="191" t="s">
        <v>22</v>
      </c>
      <c r="N56" s="45" t="s">
        <v>795</v>
      </c>
      <c r="O56" s="168"/>
      <c r="P56" s="168"/>
      <c r="Q56" s="170"/>
      <c r="R56" s="169"/>
      <c r="S56" s="168"/>
      <c r="T56" s="190" t="s">
        <v>795</v>
      </c>
      <c r="U56" s="168"/>
      <c r="V56" s="44" t="s">
        <v>22</v>
      </c>
      <c r="W56" s="45" t="s">
        <v>22</v>
      </c>
      <c r="X56" s="45" t="s">
        <v>22</v>
      </c>
      <c r="Y56" s="45" t="s">
        <v>22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69"/>
      <c r="D57" s="193"/>
      <c r="E57" s="219"/>
      <c r="F57" s="222"/>
      <c r="G57" s="169"/>
      <c r="H57" s="44"/>
      <c r="I57" s="169"/>
      <c r="J57" s="44"/>
      <c r="K57" s="192"/>
      <c r="L57" s="169"/>
      <c r="M57" s="191"/>
      <c r="N57" s="45"/>
      <c r="O57" s="168"/>
      <c r="P57" s="168"/>
      <c r="Q57" s="170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4"/>
      <c r="C58" s="169"/>
      <c r="D58" s="194"/>
      <c r="E58" s="169"/>
      <c r="F58" s="170"/>
      <c r="G58" s="169"/>
      <c r="H58" s="44"/>
      <c r="I58" s="169"/>
      <c r="J58" s="44"/>
      <c r="K58" s="192"/>
      <c r="L58" s="169"/>
      <c r="M58" s="191"/>
      <c r="N58" s="45"/>
      <c r="O58" s="168"/>
      <c r="P58" s="227" t="s">
        <v>749</v>
      </c>
      <c r="Q58" s="230" t="s">
        <v>748</v>
      </c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4"/>
      <c r="C59" s="169"/>
      <c r="D59" s="194"/>
      <c r="E59" s="169"/>
      <c r="F59" s="170"/>
      <c r="G59" s="169"/>
      <c r="H59" s="44"/>
      <c r="I59" s="169"/>
      <c r="J59" s="44"/>
      <c r="K59" s="192"/>
      <c r="L59" s="169"/>
      <c r="M59" s="191"/>
      <c r="N59" s="45"/>
      <c r="O59" s="168"/>
      <c r="P59" s="228"/>
      <c r="Q59" s="222"/>
      <c r="R59" s="169"/>
      <c r="S59" s="168" t="s">
        <v>795</v>
      </c>
      <c r="T59" s="190" t="s">
        <v>795</v>
      </c>
      <c r="U59" s="168"/>
      <c r="V59" s="44" t="s">
        <v>22</v>
      </c>
      <c r="W59" s="45" t="s">
        <v>22</v>
      </c>
      <c r="X59" s="45" t="s">
        <v>22</v>
      </c>
      <c r="Y59" s="45" t="s">
        <v>22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4"/>
      <c r="C60" s="172"/>
      <c r="D60" s="203"/>
      <c r="E60" s="172"/>
      <c r="F60" s="173"/>
      <c r="G60" s="172"/>
      <c r="H60" s="92"/>
      <c r="I60" s="172"/>
      <c r="J60" s="92"/>
      <c r="K60" s="202"/>
      <c r="L60" s="172"/>
      <c r="M60" s="201"/>
      <c r="N60" s="48"/>
      <c r="O60" s="174"/>
      <c r="P60" s="229"/>
      <c r="Q60" s="223"/>
      <c r="R60" s="172"/>
      <c r="S60" s="174"/>
      <c r="T60" s="200"/>
      <c r="U60" s="174"/>
      <c r="V60" s="92"/>
      <c r="W60" s="48"/>
      <c r="X60" s="48"/>
      <c r="Y60" s="48"/>
      <c r="Z60" s="199"/>
      <c r="AA60" s="95"/>
      <c r="AB60" s="95"/>
      <c r="AC60" s="95"/>
      <c r="AD60" s="96"/>
      <c r="AE60" s="97"/>
      <c r="AF60" s="97"/>
      <c r="AG60" s="97"/>
      <c r="AH60" s="95"/>
      <c r="AI60" s="95"/>
      <c r="AJ60" s="95"/>
      <c r="AK60" s="95"/>
      <c r="AL60" s="96"/>
      <c r="AM60" s="97"/>
      <c r="AN60" s="97"/>
      <c r="AO60" s="98"/>
    </row>
    <row r="61" spans="1:41" s="59" customFormat="1" ht="9.75" customHeight="1">
      <c r="A61" s="40"/>
      <c r="B61" s="170"/>
      <c r="C61" s="218" t="s">
        <v>34</v>
      </c>
      <c r="D61" s="221" t="s">
        <v>757</v>
      </c>
      <c r="E61" s="162"/>
      <c r="F61" s="163"/>
      <c r="G61" s="162"/>
      <c r="H61" s="69"/>
      <c r="I61" s="162"/>
      <c r="J61" s="69"/>
      <c r="K61" s="198"/>
      <c r="L61" s="162"/>
      <c r="M61" s="197"/>
      <c r="N61" s="70"/>
      <c r="O61" s="167"/>
      <c r="P61" s="167"/>
      <c r="Q61" s="68"/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3"/>
      <c r="C62" s="219"/>
      <c r="D62" s="222"/>
      <c r="E62" s="169"/>
      <c r="F62" s="170"/>
      <c r="G62" s="169"/>
      <c r="H62" s="44" t="s">
        <v>794</v>
      </c>
      <c r="I62" s="169" t="s">
        <v>23</v>
      </c>
      <c r="J62" s="44" t="s">
        <v>794</v>
      </c>
      <c r="K62" s="192" t="s">
        <v>22</v>
      </c>
      <c r="L62" s="169"/>
      <c r="M62" s="191" t="s">
        <v>22</v>
      </c>
      <c r="N62" s="45" t="s">
        <v>22</v>
      </c>
      <c r="O62" s="168"/>
      <c r="P62" s="168"/>
      <c r="Q62" s="41"/>
      <c r="R62" s="169"/>
      <c r="S62" s="168"/>
      <c r="T62" s="190" t="s">
        <v>22</v>
      </c>
      <c r="U62" s="168"/>
      <c r="V62" s="44" t="s">
        <v>22</v>
      </c>
      <c r="W62" s="45" t="s">
        <v>22</v>
      </c>
      <c r="X62" s="45" t="s">
        <v>22</v>
      </c>
      <c r="Y62" s="45" t="s">
        <v>22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3"/>
      <c r="C63" s="219"/>
      <c r="D63" s="222"/>
      <c r="E63" s="169"/>
      <c r="F63" s="170"/>
      <c r="G63" s="169"/>
      <c r="H63" s="44"/>
      <c r="I63" s="169"/>
      <c r="J63" s="44"/>
      <c r="K63" s="192"/>
      <c r="L63" s="169"/>
      <c r="M63" s="191"/>
      <c r="N63" s="45"/>
      <c r="O63" s="168"/>
      <c r="P63" s="168"/>
      <c r="Q63" s="41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4"/>
      <c r="C64" s="169"/>
      <c r="D64" s="170"/>
      <c r="E64" s="218" t="s">
        <v>21</v>
      </c>
      <c r="F64" s="221" t="s">
        <v>757</v>
      </c>
      <c r="G64" s="162"/>
      <c r="H64" s="69"/>
      <c r="I64" s="162"/>
      <c r="J64" s="69"/>
      <c r="K64" s="198"/>
      <c r="L64" s="162"/>
      <c r="M64" s="197"/>
      <c r="N64" s="70"/>
      <c r="O64" s="167"/>
      <c r="P64" s="167"/>
      <c r="Q64" s="68"/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4"/>
      <c r="C65" s="169"/>
      <c r="D65" s="193"/>
      <c r="E65" s="219"/>
      <c r="F65" s="222"/>
      <c r="G65" s="169"/>
      <c r="H65" s="44" t="s">
        <v>794</v>
      </c>
      <c r="I65" s="169" t="s">
        <v>23</v>
      </c>
      <c r="J65" s="44" t="s">
        <v>794</v>
      </c>
      <c r="K65" s="192" t="s">
        <v>22</v>
      </c>
      <c r="L65" s="169"/>
      <c r="M65" s="191" t="s">
        <v>22</v>
      </c>
      <c r="N65" s="45" t="s">
        <v>22</v>
      </c>
      <c r="O65" s="168"/>
      <c r="P65" s="168"/>
      <c r="Q65" s="170"/>
      <c r="R65" s="169"/>
      <c r="S65" s="168"/>
      <c r="T65" s="190" t="s">
        <v>22</v>
      </c>
      <c r="U65" s="168"/>
      <c r="V65" s="44" t="s">
        <v>22</v>
      </c>
      <c r="W65" s="45" t="s">
        <v>22</v>
      </c>
      <c r="X65" s="45" t="s">
        <v>22</v>
      </c>
      <c r="Y65" s="45" t="s">
        <v>22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4"/>
      <c r="C66" s="169"/>
      <c r="D66" s="193"/>
      <c r="E66" s="220"/>
      <c r="F66" s="223"/>
      <c r="G66" s="169"/>
      <c r="H66" s="44"/>
      <c r="I66" s="169"/>
      <c r="J66" s="44"/>
      <c r="K66" s="192"/>
      <c r="L66" s="169"/>
      <c r="M66" s="191"/>
      <c r="N66" s="45"/>
      <c r="O66" s="168"/>
      <c r="P66" s="168"/>
      <c r="Q66" s="170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76"/>
      <c r="B67" s="188"/>
      <c r="C67" s="167"/>
      <c r="D67" s="188"/>
      <c r="E67" s="167"/>
      <c r="F67" s="68"/>
      <c r="G67" s="103"/>
      <c r="H67" s="104"/>
      <c r="I67" s="103"/>
      <c r="J67" s="104"/>
      <c r="K67" s="187"/>
      <c r="L67" s="103"/>
      <c r="M67" s="186"/>
      <c r="N67" s="105"/>
      <c r="O67" s="106"/>
      <c r="P67" s="106"/>
      <c r="Q67" s="65"/>
      <c r="R67" s="103"/>
      <c r="S67" s="106"/>
      <c r="T67" s="185"/>
      <c r="U67" s="106"/>
      <c r="V67" s="104"/>
      <c r="W67" s="105"/>
      <c r="X67" s="105"/>
      <c r="Y67" s="105"/>
      <c r="Z67" s="184" t="s">
        <v>1</v>
      </c>
      <c r="AA67" s="109"/>
      <c r="AB67" s="109"/>
      <c r="AC67" s="109"/>
      <c r="AD67" s="110"/>
      <c r="AE67" s="111"/>
      <c r="AF67" s="111"/>
      <c r="AG67" s="111"/>
      <c r="AH67" s="109"/>
      <c r="AI67" s="109"/>
      <c r="AJ67" s="109"/>
      <c r="AK67" s="109"/>
      <c r="AL67" s="110"/>
      <c r="AM67" s="111"/>
      <c r="AN67" s="111"/>
      <c r="AO67" s="112"/>
    </row>
    <row r="68" spans="1:41" s="59" customFormat="1" ht="9.75" customHeight="1">
      <c r="A68" s="248" t="s">
        <v>660</v>
      </c>
      <c r="B68" s="249"/>
      <c r="C68" s="250"/>
      <c r="D68" s="250"/>
      <c r="E68" s="250"/>
      <c r="F68" s="236"/>
      <c r="G68" s="273" t="s">
        <v>211</v>
      </c>
      <c r="H68" s="274"/>
      <c r="I68" s="52"/>
      <c r="J68" s="53" t="s">
        <v>22</v>
      </c>
      <c r="K68" s="54" t="s">
        <v>22</v>
      </c>
      <c r="L68" s="52"/>
      <c r="M68" s="53" t="s">
        <v>22</v>
      </c>
      <c r="N68" s="183" t="s">
        <v>211</v>
      </c>
      <c r="O68" s="182"/>
      <c r="P68" s="55"/>
      <c r="Q68" s="56"/>
      <c r="R68" s="52"/>
      <c r="S68" s="55"/>
      <c r="T68" s="181" t="s">
        <v>213</v>
      </c>
      <c r="U68" s="55"/>
      <c r="V68" s="53" t="s">
        <v>22</v>
      </c>
      <c r="W68" s="54" t="s">
        <v>22</v>
      </c>
      <c r="X68" s="53" t="s">
        <v>22</v>
      </c>
      <c r="Y68" s="54" t="s">
        <v>793</v>
      </c>
      <c r="Z68" s="180"/>
      <c r="AA68" s="61"/>
      <c r="AB68" s="61"/>
      <c r="AC68" s="61"/>
      <c r="AD68" s="61"/>
      <c r="AE68" s="62"/>
      <c r="AF68" s="62"/>
      <c r="AG68" s="62"/>
      <c r="AH68" s="60"/>
      <c r="AI68" s="60"/>
      <c r="AJ68" s="60"/>
      <c r="AK68" s="60"/>
      <c r="AL68" s="61"/>
      <c r="AM68" s="61"/>
      <c r="AN68" s="61"/>
      <c r="AO68" s="63"/>
    </row>
    <row r="69" spans="1:41" s="59" customFormat="1" ht="9.75" customHeight="1">
      <c r="A69" s="77"/>
      <c r="B69" s="179"/>
      <c r="C69" s="82"/>
      <c r="D69" s="179"/>
      <c r="E69" s="82"/>
      <c r="F69" s="78"/>
      <c r="G69" s="79"/>
      <c r="H69" s="80"/>
      <c r="I69" s="79"/>
      <c r="J69" s="80"/>
      <c r="K69" s="178"/>
      <c r="L69" s="79"/>
      <c r="M69" s="177"/>
      <c r="N69" s="81"/>
      <c r="O69" s="82"/>
      <c r="P69" s="82"/>
      <c r="Q69" s="78"/>
      <c r="R69" s="79"/>
      <c r="S69" s="82"/>
      <c r="T69" s="176"/>
      <c r="U69" s="82"/>
      <c r="V69" s="80"/>
      <c r="W69" s="81"/>
      <c r="X69" s="81"/>
      <c r="Y69" s="81"/>
      <c r="Z69" s="175"/>
      <c r="AA69" s="117"/>
      <c r="AB69" s="117"/>
      <c r="AC69" s="117"/>
      <c r="AD69" s="118"/>
      <c r="AE69" s="119"/>
      <c r="AF69" s="119"/>
      <c r="AG69" s="119"/>
      <c r="AH69" s="117"/>
      <c r="AI69" s="117"/>
      <c r="AJ69" s="117"/>
      <c r="AK69" s="117"/>
      <c r="AL69" s="118"/>
      <c r="AM69" s="119"/>
      <c r="AN69" s="119"/>
      <c r="AO69" s="120"/>
    </row>
    <row r="70" spans="1:41" ht="9.75" customHeight="1">
      <c r="A70" s="134"/>
      <c r="B70" s="135"/>
      <c r="C70" s="135"/>
      <c r="D70" s="135"/>
      <c r="E70" s="135"/>
      <c r="F70" s="135"/>
      <c r="G70" s="135"/>
      <c r="H70" s="135"/>
      <c r="I70" s="135"/>
      <c r="J70" s="135"/>
      <c r="K70" s="135"/>
      <c r="L70" s="135"/>
      <c r="M70" s="135"/>
      <c r="N70" s="135"/>
      <c r="O70" s="135"/>
      <c r="P70" s="135"/>
      <c r="Q70" s="135"/>
      <c r="R70" s="135"/>
      <c r="S70" s="135"/>
      <c r="T70" s="135"/>
      <c r="U70" s="135"/>
      <c r="V70" s="135"/>
      <c r="W70" s="135"/>
      <c r="X70" s="135"/>
      <c r="Y70" s="135"/>
      <c r="Z70" s="136"/>
      <c r="AA70" s="136"/>
      <c r="AB70" s="136"/>
      <c r="AC70" s="136"/>
      <c r="AD70" s="136"/>
      <c r="AE70" s="136"/>
      <c r="AF70" s="136"/>
      <c r="AG70" s="136"/>
      <c r="AH70" s="136"/>
      <c r="AI70" s="136"/>
      <c r="AJ70" s="136"/>
      <c r="AK70" s="136"/>
      <c r="AL70" s="136"/>
      <c r="AM70" s="136"/>
      <c r="AN70" s="136"/>
      <c r="AO70" s="137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61">
    <mergeCell ref="Q49:Q51"/>
    <mergeCell ref="P49:P51"/>
    <mergeCell ref="Q58:Q60"/>
    <mergeCell ref="P58:P60"/>
    <mergeCell ref="F64:F66"/>
    <mergeCell ref="E64:E66"/>
    <mergeCell ref="Q10:Q12"/>
    <mergeCell ref="P10:P12"/>
    <mergeCell ref="Q25:Q27"/>
    <mergeCell ref="P25:P27"/>
    <mergeCell ref="Q28:Q30"/>
    <mergeCell ref="P28:P30"/>
    <mergeCell ref="Q31:Q33"/>
    <mergeCell ref="P31:P33"/>
    <mergeCell ref="F55:F57"/>
    <mergeCell ref="E55:E57"/>
    <mergeCell ref="F16:F18"/>
    <mergeCell ref="E16:E18"/>
    <mergeCell ref="F22:F24"/>
    <mergeCell ref="E22:E24"/>
    <mergeCell ref="D34:D36"/>
    <mergeCell ref="C34:C36"/>
    <mergeCell ref="D43:D45"/>
    <mergeCell ref="C43:C45"/>
    <mergeCell ref="D61:D63"/>
    <mergeCell ref="C61:C63"/>
    <mergeCell ref="D52:D54"/>
    <mergeCell ref="C52:C54"/>
    <mergeCell ref="F37:F39"/>
    <mergeCell ref="E37:E39"/>
    <mergeCell ref="F46:F48"/>
    <mergeCell ref="E46:E48"/>
    <mergeCell ref="R7:S8"/>
    <mergeCell ref="Q40:Q42"/>
    <mergeCell ref="P40:P42"/>
    <mergeCell ref="A10:A12"/>
    <mergeCell ref="D13:D15"/>
    <mergeCell ref="C13:C15"/>
    <mergeCell ref="D19:D21"/>
    <mergeCell ref="C19:C21"/>
    <mergeCell ref="T5:T8"/>
    <mergeCell ref="U5:X5"/>
    <mergeCell ref="X6:X8"/>
    <mergeCell ref="P7:Q8"/>
    <mergeCell ref="B10:B12"/>
    <mergeCell ref="A68:F68"/>
    <mergeCell ref="G68:H6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44" pageOrder="overThenDown" orientation="portrait" useFirstPageNumber="1" r:id="rId1"/>
  <headerFooter>
    <oddFooter>&amp;C- &amp;P 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29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124"/>
      <c r="N2" s="232" t="s">
        <v>230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615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23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21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21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122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126"/>
      <c r="B11" s="125"/>
      <c r="C11" s="128"/>
      <c r="D11" s="130"/>
      <c r="E11" s="128"/>
      <c r="F11" s="130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126" t="s">
        <v>21</v>
      </c>
      <c r="B12" s="125" t="s">
        <v>616</v>
      </c>
      <c r="C12" s="128"/>
      <c r="D12" s="130"/>
      <c r="E12" s="128"/>
      <c r="F12" s="130"/>
      <c r="G12" s="52"/>
      <c r="H12" s="53" t="s">
        <v>231</v>
      </c>
      <c r="I12" s="52" t="s">
        <v>23</v>
      </c>
      <c r="J12" s="53" t="s">
        <v>232</v>
      </c>
      <c r="K12" s="54" t="s">
        <v>22</v>
      </c>
      <c r="L12" s="54" t="s">
        <v>233</v>
      </c>
      <c r="M12" s="55"/>
      <c r="N12" s="55"/>
      <c r="O12" s="56"/>
      <c r="P12" s="52"/>
      <c r="Q12" s="53"/>
      <c r="R12" s="52" t="s">
        <v>234</v>
      </c>
      <c r="S12" s="57"/>
      <c r="T12" s="58" t="s">
        <v>234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126"/>
      <c r="B13" s="125" t="s">
        <v>617</v>
      </c>
      <c r="C13" s="128"/>
      <c r="D13" s="130"/>
      <c r="E13" s="128"/>
      <c r="F13" s="130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126"/>
      <c r="B14" s="56"/>
      <c r="C14" s="129"/>
      <c r="D14" s="127"/>
      <c r="E14" s="129"/>
      <c r="F14" s="127"/>
      <c r="G14" s="129"/>
      <c r="H14" s="69"/>
      <c r="I14" s="129"/>
      <c r="J14" s="69"/>
      <c r="K14" s="70"/>
      <c r="L14" s="70"/>
      <c r="M14" s="132"/>
      <c r="N14" s="132"/>
      <c r="O14" s="127"/>
      <c r="P14" s="129"/>
      <c r="Q14" s="69"/>
      <c r="R14" s="129"/>
      <c r="S14" s="72"/>
      <c r="T14" s="73"/>
      <c r="U14" s="69"/>
      <c r="V14" s="129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128" t="s">
        <v>21</v>
      </c>
      <c r="D15" s="130" t="s">
        <v>109</v>
      </c>
      <c r="E15" s="128"/>
      <c r="F15" s="130"/>
      <c r="G15" s="128"/>
      <c r="H15" s="44" t="s">
        <v>235</v>
      </c>
      <c r="I15" s="128"/>
      <c r="J15" s="44" t="s">
        <v>22</v>
      </c>
      <c r="K15" s="45" t="s">
        <v>22</v>
      </c>
      <c r="L15" s="45" t="s">
        <v>235</v>
      </c>
      <c r="M15" s="131"/>
      <c r="N15" s="131"/>
      <c r="O15" s="130"/>
      <c r="P15" s="128"/>
      <c r="Q15" s="44"/>
      <c r="R15" s="128" t="s">
        <v>236</v>
      </c>
      <c r="S15" s="46"/>
      <c r="T15" s="47" t="s">
        <v>236</v>
      </c>
      <c r="U15" s="44" t="s">
        <v>22</v>
      </c>
      <c r="V15" s="128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128"/>
      <c r="D16" s="130"/>
      <c r="E16" s="128"/>
      <c r="F16" s="130"/>
      <c r="G16" s="128"/>
      <c r="H16" s="44"/>
      <c r="I16" s="128"/>
      <c r="J16" s="44"/>
      <c r="K16" s="45"/>
      <c r="L16" s="45"/>
      <c r="M16" s="131"/>
      <c r="N16" s="131"/>
      <c r="O16" s="130"/>
      <c r="P16" s="128"/>
      <c r="Q16" s="44"/>
      <c r="R16" s="128"/>
      <c r="S16" s="46"/>
      <c r="T16" s="47"/>
      <c r="U16" s="44"/>
      <c r="V16" s="128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128"/>
      <c r="D17" s="41"/>
      <c r="E17" s="129"/>
      <c r="F17" s="127"/>
      <c r="G17" s="129"/>
      <c r="H17" s="69"/>
      <c r="I17" s="129"/>
      <c r="J17" s="69"/>
      <c r="K17" s="70"/>
      <c r="L17" s="70"/>
      <c r="M17" s="132"/>
      <c r="N17" s="132"/>
      <c r="O17" s="127"/>
      <c r="P17" s="129"/>
      <c r="Q17" s="69"/>
      <c r="R17" s="129"/>
      <c r="S17" s="72"/>
      <c r="T17" s="73"/>
      <c r="U17" s="69"/>
      <c r="V17" s="129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128"/>
      <c r="D18" s="41"/>
      <c r="E18" s="128" t="s">
        <v>21</v>
      </c>
      <c r="F18" s="130" t="s">
        <v>112</v>
      </c>
      <c r="G18" s="128"/>
      <c r="H18" s="44" t="s">
        <v>235</v>
      </c>
      <c r="I18" s="128"/>
      <c r="J18" s="44" t="s">
        <v>22</v>
      </c>
      <c r="K18" s="45" t="s">
        <v>22</v>
      </c>
      <c r="L18" s="45" t="s">
        <v>235</v>
      </c>
      <c r="M18" s="131"/>
      <c r="N18" s="131"/>
      <c r="O18" s="130"/>
      <c r="P18" s="128"/>
      <c r="Q18" s="44"/>
      <c r="R18" s="128" t="s">
        <v>236</v>
      </c>
      <c r="S18" s="46"/>
      <c r="T18" s="47" t="s">
        <v>236</v>
      </c>
      <c r="U18" s="44" t="s">
        <v>22</v>
      </c>
      <c r="V18" s="128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128"/>
      <c r="D19" s="41"/>
      <c r="E19" s="128"/>
      <c r="F19" s="130"/>
      <c r="G19" s="128"/>
      <c r="H19" s="44"/>
      <c r="I19" s="128"/>
      <c r="J19" s="44"/>
      <c r="K19" s="45"/>
      <c r="L19" s="45"/>
      <c r="M19" s="131"/>
      <c r="N19" s="131"/>
      <c r="O19" s="130"/>
      <c r="P19" s="128"/>
      <c r="Q19" s="44"/>
      <c r="R19" s="128"/>
      <c r="S19" s="46"/>
      <c r="T19" s="47"/>
      <c r="U19" s="44"/>
      <c r="V19" s="128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128"/>
      <c r="D20" s="41"/>
      <c r="E20" s="128"/>
      <c r="F20" s="41"/>
      <c r="G20" s="128"/>
      <c r="H20" s="44"/>
      <c r="I20" s="128"/>
      <c r="J20" s="44"/>
      <c r="K20" s="45"/>
      <c r="L20" s="45"/>
      <c r="M20" s="131"/>
      <c r="N20" s="132"/>
      <c r="O20" s="127"/>
      <c r="P20" s="129"/>
      <c r="Q20" s="69"/>
      <c r="R20" s="129"/>
      <c r="S20" s="72"/>
      <c r="T20" s="73"/>
      <c r="U20" s="69"/>
      <c r="V20" s="129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128"/>
      <c r="D21" s="41"/>
      <c r="E21" s="128"/>
      <c r="F21" s="41"/>
      <c r="G21" s="128"/>
      <c r="H21" s="44"/>
      <c r="I21" s="128"/>
      <c r="J21" s="44"/>
      <c r="K21" s="45"/>
      <c r="L21" s="45"/>
      <c r="M21" s="131"/>
      <c r="N21" s="131" t="s">
        <v>21</v>
      </c>
      <c r="O21" s="130" t="s">
        <v>112</v>
      </c>
      <c r="P21" s="128"/>
      <c r="Q21" s="44" t="s">
        <v>235</v>
      </c>
      <c r="R21" s="128" t="s">
        <v>236</v>
      </c>
      <c r="S21" s="46"/>
      <c r="T21" s="47" t="s">
        <v>236</v>
      </c>
      <c r="U21" s="44" t="s">
        <v>22</v>
      </c>
      <c r="V21" s="128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49"/>
      <c r="O22" s="102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126"/>
      <c r="B23" s="125"/>
      <c r="C23" s="129"/>
      <c r="D23" s="127"/>
      <c r="E23" s="129"/>
      <c r="F23" s="127"/>
      <c r="G23" s="129"/>
      <c r="H23" s="69"/>
      <c r="I23" s="129"/>
      <c r="J23" s="69"/>
      <c r="K23" s="70"/>
      <c r="L23" s="70"/>
      <c r="M23" s="132"/>
      <c r="N23" s="132"/>
      <c r="O23" s="68"/>
      <c r="P23" s="129"/>
      <c r="Q23" s="69"/>
      <c r="R23" s="129"/>
      <c r="S23" s="72"/>
      <c r="T23" s="73"/>
      <c r="U23" s="69"/>
      <c r="V23" s="129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126"/>
      <c r="B24" s="125"/>
      <c r="C24" s="128" t="s">
        <v>25</v>
      </c>
      <c r="D24" s="130" t="s">
        <v>80</v>
      </c>
      <c r="E24" s="128"/>
      <c r="F24" s="130"/>
      <c r="G24" s="128"/>
      <c r="H24" s="44" t="s">
        <v>237</v>
      </c>
      <c r="I24" s="128" t="s">
        <v>23</v>
      </c>
      <c r="J24" s="44" t="s">
        <v>232</v>
      </c>
      <c r="K24" s="45" t="s">
        <v>22</v>
      </c>
      <c r="L24" s="45" t="s">
        <v>238</v>
      </c>
      <c r="M24" s="131"/>
      <c r="N24" s="131"/>
      <c r="O24" s="41"/>
      <c r="P24" s="128"/>
      <c r="Q24" s="44"/>
      <c r="R24" s="128" t="s">
        <v>239</v>
      </c>
      <c r="S24" s="46"/>
      <c r="T24" s="47" t="s">
        <v>239</v>
      </c>
      <c r="U24" s="44" t="s">
        <v>22</v>
      </c>
      <c r="V24" s="128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126"/>
      <c r="B25" s="125"/>
      <c r="C25" s="128"/>
      <c r="D25" s="130"/>
      <c r="E25" s="128"/>
      <c r="F25" s="130"/>
      <c r="G25" s="128"/>
      <c r="H25" s="44"/>
      <c r="I25" s="128"/>
      <c r="J25" s="44"/>
      <c r="K25" s="45"/>
      <c r="L25" s="45"/>
      <c r="M25" s="131"/>
      <c r="N25" s="131"/>
      <c r="O25" s="41"/>
      <c r="P25" s="128"/>
      <c r="Q25" s="44"/>
      <c r="R25" s="128"/>
      <c r="S25" s="46"/>
      <c r="T25" s="47"/>
      <c r="U25" s="44"/>
      <c r="V25" s="128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126"/>
      <c r="B26" s="56"/>
      <c r="C26" s="128"/>
      <c r="D26" s="130"/>
      <c r="E26" s="129"/>
      <c r="F26" s="127"/>
      <c r="G26" s="129"/>
      <c r="H26" s="69"/>
      <c r="I26" s="129"/>
      <c r="J26" s="69"/>
      <c r="K26" s="70"/>
      <c r="L26" s="70"/>
      <c r="M26" s="132"/>
      <c r="N26" s="132"/>
      <c r="O26" s="127"/>
      <c r="P26" s="129"/>
      <c r="Q26" s="69"/>
      <c r="R26" s="129"/>
      <c r="S26" s="72"/>
      <c r="T26" s="73"/>
      <c r="U26" s="69"/>
      <c r="V26" s="129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128"/>
      <c r="D27" s="130"/>
      <c r="E27" s="128" t="s">
        <v>21</v>
      </c>
      <c r="F27" s="130" t="s">
        <v>80</v>
      </c>
      <c r="G27" s="128"/>
      <c r="H27" s="44" t="s">
        <v>237</v>
      </c>
      <c r="I27" s="128" t="s">
        <v>23</v>
      </c>
      <c r="J27" s="44" t="s">
        <v>232</v>
      </c>
      <c r="K27" s="45" t="s">
        <v>22</v>
      </c>
      <c r="L27" s="45" t="s">
        <v>238</v>
      </c>
      <c r="M27" s="131"/>
      <c r="N27" s="131"/>
      <c r="O27" s="130"/>
      <c r="P27" s="128"/>
      <c r="Q27" s="44"/>
      <c r="R27" s="128" t="s">
        <v>239</v>
      </c>
      <c r="S27" s="46"/>
      <c r="T27" s="47" t="s">
        <v>239</v>
      </c>
      <c r="U27" s="44" t="s">
        <v>22</v>
      </c>
      <c r="V27" s="128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91"/>
      <c r="F28" s="102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126"/>
      <c r="B29" s="125"/>
      <c r="C29" s="129"/>
      <c r="D29" s="127"/>
      <c r="E29" s="129"/>
      <c r="F29" s="127"/>
      <c r="G29" s="129"/>
      <c r="H29" s="69"/>
      <c r="I29" s="129"/>
      <c r="J29" s="69"/>
      <c r="K29" s="70"/>
      <c r="L29" s="70"/>
      <c r="M29" s="132"/>
      <c r="N29" s="132"/>
      <c r="O29" s="68"/>
      <c r="P29" s="129"/>
      <c r="Q29" s="69"/>
      <c r="R29" s="129"/>
      <c r="S29" s="72"/>
      <c r="T29" s="73"/>
      <c r="U29" s="69"/>
      <c r="V29" s="129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126"/>
      <c r="B30" s="125"/>
      <c r="C30" s="128" t="s">
        <v>26</v>
      </c>
      <c r="D30" s="130" t="s">
        <v>82</v>
      </c>
      <c r="E30" s="128"/>
      <c r="F30" s="130"/>
      <c r="G30" s="128"/>
      <c r="H30" s="44" t="s">
        <v>38</v>
      </c>
      <c r="I30" s="128"/>
      <c r="J30" s="44" t="s">
        <v>22</v>
      </c>
      <c r="K30" s="45" t="s">
        <v>22</v>
      </c>
      <c r="L30" s="45" t="s">
        <v>38</v>
      </c>
      <c r="M30" s="131"/>
      <c r="N30" s="131"/>
      <c r="O30" s="41"/>
      <c r="P30" s="128"/>
      <c r="Q30" s="44"/>
      <c r="R30" s="128" t="s">
        <v>240</v>
      </c>
      <c r="S30" s="46"/>
      <c r="T30" s="47" t="s">
        <v>240</v>
      </c>
      <c r="U30" s="44" t="s">
        <v>22</v>
      </c>
      <c r="V30" s="128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126"/>
      <c r="B31" s="125"/>
      <c r="C31" s="128"/>
      <c r="D31" s="130"/>
      <c r="E31" s="128"/>
      <c r="F31" s="130"/>
      <c r="G31" s="128"/>
      <c r="H31" s="44"/>
      <c r="I31" s="128"/>
      <c r="J31" s="44"/>
      <c r="K31" s="45"/>
      <c r="L31" s="45"/>
      <c r="M31" s="131"/>
      <c r="N31" s="131"/>
      <c r="O31" s="41"/>
      <c r="P31" s="128"/>
      <c r="Q31" s="44"/>
      <c r="R31" s="128"/>
      <c r="S31" s="46"/>
      <c r="T31" s="47"/>
      <c r="U31" s="44"/>
      <c r="V31" s="128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126"/>
      <c r="B32" s="56"/>
      <c r="C32" s="128"/>
      <c r="D32" s="130"/>
      <c r="E32" s="129"/>
      <c r="F32" s="127"/>
      <c r="G32" s="129"/>
      <c r="H32" s="69"/>
      <c r="I32" s="129"/>
      <c r="J32" s="69"/>
      <c r="K32" s="70"/>
      <c r="L32" s="70"/>
      <c r="M32" s="132"/>
      <c r="N32" s="132"/>
      <c r="O32" s="127"/>
      <c r="P32" s="129"/>
      <c r="Q32" s="69"/>
      <c r="R32" s="129"/>
      <c r="S32" s="72"/>
      <c r="T32" s="73"/>
      <c r="U32" s="69"/>
      <c r="V32" s="129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128"/>
      <c r="D33" s="130"/>
      <c r="E33" s="128" t="s">
        <v>21</v>
      </c>
      <c r="F33" s="130" t="s">
        <v>83</v>
      </c>
      <c r="G33" s="128"/>
      <c r="H33" s="44" t="s">
        <v>38</v>
      </c>
      <c r="I33" s="128"/>
      <c r="J33" s="44" t="s">
        <v>22</v>
      </c>
      <c r="K33" s="45" t="s">
        <v>22</v>
      </c>
      <c r="L33" s="45" t="s">
        <v>38</v>
      </c>
      <c r="M33" s="131"/>
      <c r="N33" s="131"/>
      <c r="O33" s="130"/>
      <c r="P33" s="128"/>
      <c r="Q33" s="44"/>
      <c r="R33" s="128" t="s">
        <v>240</v>
      </c>
      <c r="S33" s="46"/>
      <c r="T33" s="47" t="s">
        <v>240</v>
      </c>
      <c r="U33" s="44" t="s">
        <v>22</v>
      </c>
      <c r="V33" s="128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89"/>
      <c r="B34" s="90"/>
      <c r="C34" s="91"/>
      <c r="D34" s="102"/>
      <c r="E34" s="91"/>
      <c r="F34" s="102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76"/>
      <c r="B35" s="115"/>
      <c r="C35" s="115"/>
      <c r="D35" s="115"/>
      <c r="E35" s="115"/>
      <c r="F35" s="115"/>
      <c r="G35" s="103"/>
      <c r="H35" s="104"/>
      <c r="I35" s="103"/>
      <c r="J35" s="104"/>
      <c r="K35" s="105"/>
      <c r="L35" s="105"/>
      <c r="M35" s="106"/>
      <c r="N35" s="106"/>
      <c r="O35" s="65"/>
      <c r="P35" s="103"/>
      <c r="Q35" s="104"/>
      <c r="R35" s="103"/>
      <c r="S35" s="107"/>
      <c r="T35" s="108"/>
      <c r="U35" s="104"/>
      <c r="V35" s="103"/>
      <c r="W35" s="104"/>
      <c r="X35" s="109" t="s">
        <v>1</v>
      </c>
      <c r="Y35" s="109"/>
      <c r="Z35" s="109"/>
      <c r="AA35" s="109"/>
      <c r="AB35" s="110"/>
      <c r="AC35" s="110"/>
      <c r="AD35" s="110"/>
      <c r="AE35" s="110"/>
      <c r="AF35" s="110"/>
      <c r="AG35" s="110"/>
      <c r="AH35" s="110"/>
      <c r="AI35" s="110"/>
      <c r="AJ35" s="110"/>
      <c r="AK35" s="111"/>
      <c r="AL35" s="111"/>
      <c r="AM35" s="112"/>
    </row>
    <row r="36" spans="1:39" s="59" customFormat="1" ht="9.75" customHeight="1">
      <c r="A36" s="248" t="s">
        <v>19</v>
      </c>
      <c r="B36" s="249"/>
      <c r="C36" s="250"/>
      <c r="D36" s="250"/>
      <c r="E36" s="250"/>
      <c r="F36" s="236"/>
      <c r="G36" s="52"/>
      <c r="H36" s="53" t="s">
        <v>231</v>
      </c>
      <c r="I36" s="52" t="s">
        <v>23</v>
      </c>
      <c r="J36" s="53" t="s">
        <v>232</v>
      </c>
      <c r="K36" s="54" t="s">
        <v>22</v>
      </c>
      <c r="L36" s="54" t="s">
        <v>233</v>
      </c>
      <c r="M36" s="55"/>
      <c r="N36" s="55"/>
      <c r="O36" s="56"/>
      <c r="P36" s="52"/>
      <c r="Q36" s="53"/>
      <c r="R36" s="52" t="s">
        <v>234</v>
      </c>
      <c r="S36" s="57"/>
      <c r="T36" s="58" t="s">
        <v>234</v>
      </c>
      <c r="U36" s="53" t="s">
        <v>22</v>
      </c>
      <c r="V36" s="52"/>
      <c r="W36" s="53" t="s">
        <v>22</v>
      </c>
      <c r="X36" s="60"/>
      <c r="Y36" s="60"/>
      <c r="Z36" s="60"/>
      <c r="AA36" s="60"/>
      <c r="AB36" s="61"/>
      <c r="AC36" s="61"/>
      <c r="AD36" s="61"/>
      <c r="AE36" s="61"/>
      <c r="AF36" s="61"/>
      <c r="AG36" s="61"/>
      <c r="AH36" s="61"/>
      <c r="AI36" s="61"/>
      <c r="AJ36" s="61"/>
      <c r="AK36" s="62"/>
      <c r="AL36" s="62"/>
      <c r="AM36" s="63"/>
    </row>
    <row r="37" spans="1:39" s="59" customFormat="1" ht="9.75" customHeight="1">
      <c r="A37" s="77"/>
      <c r="B37" s="116"/>
      <c r="C37" s="116"/>
      <c r="D37" s="116"/>
      <c r="E37" s="116"/>
      <c r="F37" s="116"/>
      <c r="G37" s="79"/>
      <c r="H37" s="80"/>
      <c r="I37" s="79"/>
      <c r="J37" s="80"/>
      <c r="K37" s="81"/>
      <c r="L37" s="81"/>
      <c r="M37" s="82"/>
      <c r="N37" s="82"/>
      <c r="O37" s="78"/>
      <c r="P37" s="79"/>
      <c r="Q37" s="80"/>
      <c r="R37" s="79"/>
      <c r="S37" s="83"/>
      <c r="T37" s="84"/>
      <c r="U37" s="80"/>
      <c r="V37" s="79"/>
      <c r="W37" s="80"/>
      <c r="X37" s="117"/>
      <c r="Y37" s="117"/>
      <c r="Z37" s="117"/>
      <c r="AA37" s="117"/>
      <c r="AB37" s="118"/>
      <c r="AC37" s="118"/>
      <c r="AD37" s="118"/>
      <c r="AE37" s="118"/>
      <c r="AF37" s="118"/>
      <c r="AG37" s="118"/>
      <c r="AH37" s="118"/>
      <c r="AI37" s="118"/>
      <c r="AJ37" s="118"/>
      <c r="AK37" s="119"/>
      <c r="AL37" s="119"/>
      <c r="AM37" s="120"/>
    </row>
    <row r="38" spans="1:39" ht="9.75" customHeight="1">
      <c r="A38" s="134"/>
      <c r="B38" s="135"/>
      <c r="C38" s="135"/>
      <c r="D38" s="135"/>
      <c r="E38" s="135"/>
      <c r="F38" s="135"/>
      <c r="G38" s="135"/>
      <c r="H38" s="135"/>
      <c r="I38" s="135"/>
      <c r="J38" s="135"/>
      <c r="K38" s="135"/>
      <c r="L38" s="135"/>
      <c r="M38" s="135"/>
      <c r="N38" s="135"/>
      <c r="O38" s="135"/>
      <c r="P38" s="135"/>
      <c r="Q38" s="135"/>
      <c r="R38" s="135"/>
      <c r="S38" s="135"/>
      <c r="T38" s="135"/>
      <c r="U38" s="135"/>
      <c r="V38" s="135"/>
      <c r="W38" s="135"/>
      <c r="X38" s="135"/>
      <c r="Y38" s="135"/>
      <c r="Z38" s="135"/>
      <c r="AA38" s="135"/>
      <c r="AB38" s="135"/>
      <c r="AC38" s="135"/>
      <c r="AD38" s="135"/>
      <c r="AE38" s="135"/>
      <c r="AF38" s="135"/>
      <c r="AG38" s="135"/>
      <c r="AH38" s="135"/>
      <c r="AI38" s="135"/>
      <c r="AJ38" s="135"/>
      <c r="AK38" s="135"/>
      <c r="AL38" s="135"/>
      <c r="AM38" s="144"/>
    </row>
    <row r="39" spans="1:39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40"/>
    </row>
    <row r="40" spans="1:39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40"/>
    </row>
    <row r="41" spans="1:39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40"/>
    </row>
    <row r="42" spans="1:39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40"/>
    </row>
    <row r="43" spans="1:39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40"/>
    </row>
    <row r="44" spans="1:39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40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19">
    <mergeCell ref="A36:F36"/>
    <mergeCell ref="X5:AM9"/>
    <mergeCell ref="G6:H9"/>
    <mergeCell ref="I6:J9"/>
    <mergeCell ref="K6:K9"/>
    <mergeCell ref="L6:L9"/>
    <mergeCell ref="N6:Q6"/>
    <mergeCell ref="N7:O9"/>
    <mergeCell ref="P7:Q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</mergeCells>
  <phoneticPr fontId="1"/>
  <pageMargins left="0.43307086614173229" right="0.39370078740157483" top="0.19685039370078741" bottom="0" header="0.19685039370078741" footer="0.19685039370078741"/>
  <pageSetup paperSize="9" firstPageNumber="246" pageOrder="overThenDown" orientation="portrait" useFirstPageNumber="1" r:id="rId1"/>
  <headerFooter>
    <oddFooter>&amp;C- &amp;P -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828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827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231</v>
      </c>
      <c r="I11" s="52" t="s">
        <v>23</v>
      </c>
      <c r="J11" s="53" t="s">
        <v>232</v>
      </c>
      <c r="K11" s="183" t="s">
        <v>22</v>
      </c>
      <c r="L11" s="52"/>
      <c r="M11" s="205" t="s">
        <v>22</v>
      </c>
      <c r="N11" s="54" t="s">
        <v>233</v>
      </c>
      <c r="O11" s="55"/>
      <c r="P11" s="228"/>
      <c r="Q11" s="294"/>
      <c r="R11" s="52"/>
      <c r="S11" s="55"/>
      <c r="T11" s="204" t="s">
        <v>822</v>
      </c>
      <c r="U11" s="55"/>
      <c r="V11" s="53" t="s">
        <v>22</v>
      </c>
      <c r="W11" s="54" t="s">
        <v>22</v>
      </c>
      <c r="X11" s="54" t="s">
        <v>22</v>
      </c>
      <c r="Y11" s="54" t="s">
        <v>821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825</v>
      </c>
      <c r="I14" s="169" t="s">
        <v>23</v>
      </c>
      <c r="J14" s="44" t="s">
        <v>232</v>
      </c>
      <c r="K14" s="192" t="s">
        <v>22</v>
      </c>
      <c r="L14" s="169"/>
      <c r="M14" s="191" t="s">
        <v>22</v>
      </c>
      <c r="N14" s="45" t="s">
        <v>822</v>
      </c>
      <c r="O14" s="168"/>
      <c r="P14" s="168"/>
      <c r="Q14" s="170"/>
      <c r="R14" s="169"/>
      <c r="S14" s="168"/>
      <c r="T14" s="190" t="s">
        <v>822</v>
      </c>
      <c r="U14" s="168"/>
      <c r="V14" s="44" t="s">
        <v>22</v>
      </c>
      <c r="W14" s="45" t="s">
        <v>22</v>
      </c>
      <c r="X14" s="45" t="s">
        <v>22</v>
      </c>
      <c r="Y14" s="45" t="s">
        <v>22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826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825</v>
      </c>
      <c r="I17" s="169" t="s">
        <v>23</v>
      </c>
      <c r="J17" s="44" t="s">
        <v>232</v>
      </c>
      <c r="K17" s="192" t="s">
        <v>22</v>
      </c>
      <c r="L17" s="169"/>
      <c r="M17" s="191" t="s">
        <v>22</v>
      </c>
      <c r="N17" s="45" t="s">
        <v>822</v>
      </c>
      <c r="O17" s="168"/>
      <c r="P17" s="168"/>
      <c r="Q17" s="170"/>
      <c r="R17" s="169"/>
      <c r="S17" s="168"/>
      <c r="T17" s="190" t="s">
        <v>822</v>
      </c>
      <c r="U17" s="168"/>
      <c r="V17" s="44" t="s">
        <v>22</v>
      </c>
      <c r="W17" s="45" t="s">
        <v>22</v>
      </c>
      <c r="X17" s="45" t="s">
        <v>22</v>
      </c>
      <c r="Y17" s="45" t="s">
        <v>22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822</v>
      </c>
      <c r="T20" s="190" t="s">
        <v>822</v>
      </c>
      <c r="U20" s="168"/>
      <c r="V20" s="44" t="s">
        <v>22</v>
      </c>
      <c r="W20" s="45" t="s">
        <v>22</v>
      </c>
      <c r="X20" s="45" t="s">
        <v>22</v>
      </c>
      <c r="Y20" s="45" t="s">
        <v>2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72"/>
      <c r="D21" s="203"/>
      <c r="E21" s="172"/>
      <c r="F21" s="90"/>
      <c r="G21" s="172"/>
      <c r="H21" s="92"/>
      <c r="I21" s="172"/>
      <c r="J21" s="92"/>
      <c r="K21" s="202"/>
      <c r="L21" s="172"/>
      <c r="M21" s="201"/>
      <c r="N21" s="48"/>
      <c r="O21" s="174"/>
      <c r="P21" s="229"/>
      <c r="Q21" s="223"/>
      <c r="R21" s="172"/>
      <c r="S21" s="174"/>
      <c r="T21" s="200"/>
      <c r="U21" s="174"/>
      <c r="V21" s="92"/>
      <c r="W21" s="48"/>
      <c r="X21" s="48"/>
      <c r="Y21" s="48"/>
      <c r="Z21" s="199"/>
      <c r="AA21" s="95"/>
      <c r="AB21" s="95"/>
      <c r="AC21" s="95"/>
      <c r="AD21" s="96"/>
      <c r="AE21" s="97"/>
      <c r="AF21" s="97"/>
      <c r="AG21" s="97"/>
      <c r="AH21" s="95"/>
      <c r="AI21" s="95"/>
      <c r="AJ21" s="95"/>
      <c r="AK21" s="95"/>
      <c r="AL21" s="96"/>
      <c r="AM21" s="97"/>
      <c r="AN21" s="97"/>
      <c r="AO21" s="98"/>
    </row>
    <row r="22" spans="1:41" s="59" customFormat="1" ht="9.75" customHeight="1">
      <c r="A22" s="40"/>
      <c r="B22" s="170"/>
      <c r="C22" s="218" t="s">
        <v>25</v>
      </c>
      <c r="D22" s="221" t="s">
        <v>816</v>
      </c>
      <c r="E22" s="162"/>
      <c r="F22" s="163"/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219"/>
      <c r="D23" s="222"/>
      <c r="E23" s="169"/>
      <c r="F23" s="170"/>
      <c r="G23" s="169"/>
      <c r="H23" s="44" t="s">
        <v>86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86</v>
      </c>
      <c r="O23" s="168"/>
      <c r="P23" s="168"/>
      <c r="Q23" s="41"/>
      <c r="R23" s="169"/>
      <c r="S23" s="168"/>
      <c r="T23" s="190" t="s">
        <v>22</v>
      </c>
      <c r="U23" s="168"/>
      <c r="V23" s="44" t="s">
        <v>22</v>
      </c>
      <c r="W23" s="45" t="s">
        <v>22</v>
      </c>
      <c r="X23" s="45" t="s">
        <v>22</v>
      </c>
      <c r="Y23" s="45" t="s">
        <v>86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219"/>
      <c r="D24" s="222"/>
      <c r="E24" s="169"/>
      <c r="F24" s="170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70"/>
      <c r="E25" s="218" t="s">
        <v>21</v>
      </c>
      <c r="F25" s="221" t="s">
        <v>815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219"/>
      <c r="F26" s="222"/>
      <c r="G26" s="169"/>
      <c r="H26" s="44" t="s">
        <v>86</v>
      </c>
      <c r="I26" s="169"/>
      <c r="J26" s="44" t="s">
        <v>22</v>
      </c>
      <c r="K26" s="192" t="s">
        <v>22</v>
      </c>
      <c r="L26" s="169"/>
      <c r="M26" s="191" t="s">
        <v>22</v>
      </c>
      <c r="N26" s="45" t="s">
        <v>86</v>
      </c>
      <c r="O26" s="168"/>
      <c r="P26" s="168"/>
      <c r="Q26" s="170"/>
      <c r="R26" s="169"/>
      <c r="S26" s="168"/>
      <c r="T26" s="190" t="s">
        <v>22</v>
      </c>
      <c r="U26" s="168"/>
      <c r="V26" s="44" t="s">
        <v>22</v>
      </c>
      <c r="W26" s="45" t="s">
        <v>22</v>
      </c>
      <c r="X26" s="45" t="s">
        <v>22</v>
      </c>
      <c r="Y26" s="45" t="s">
        <v>86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170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7</v>
      </c>
      <c r="Q28" s="221" t="s">
        <v>786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824</v>
      </c>
      <c r="T29" s="190" t="s">
        <v>22</v>
      </c>
      <c r="U29" s="168"/>
      <c r="V29" s="44" t="s">
        <v>22</v>
      </c>
      <c r="W29" s="45" t="s">
        <v>22</v>
      </c>
      <c r="X29" s="45" t="s">
        <v>22</v>
      </c>
      <c r="Y29" s="45" t="s">
        <v>824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9</v>
      </c>
      <c r="Q31" s="221" t="s">
        <v>704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46</v>
      </c>
      <c r="T32" s="190" t="s">
        <v>22</v>
      </c>
      <c r="U32" s="168"/>
      <c r="V32" s="44" t="s">
        <v>22</v>
      </c>
      <c r="W32" s="45" t="s">
        <v>22</v>
      </c>
      <c r="X32" s="45" t="s">
        <v>22</v>
      </c>
      <c r="Y32" s="45" t="s">
        <v>46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72"/>
      <c r="D33" s="203"/>
      <c r="E33" s="172"/>
      <c r="F33" s="90"/>
      <c r="G33" s="172"/>
      <c r="H33" s="92"/>
      <c r="I33" s="172"/>
      <c r="J33" s="92"/>
      <c r="K33" s="202"/>
      <c r="L33" s="172"/>
      <c r="M33" s="201"/>
      <c r="N33" s="48"/>
      <c r="O33" s="174"/>
      <c r="P33" s="229"/>
      <c r="Q33" s="223"/>
      <c r="R33" s="172"/>
      <c r="S33" s="174"/>
      <c r="T33" s="200"/>
      <c r="U33" s="174"/>
      <c r="V33" s="92"/>
      <c r="W33" s="48"/>
      <c r="X33" s="48"/>
      <c r="Y33" s="48"/>
      <c r="Z33" s="199"/>
      <c r="AA33" s="95"/>
      <c r="AB33" s="95"/>
      <c r="AC33" s="95"/>
      <c r="AD33" s="96"/>
      <c r="AE33" s="97"/>
      <c r="AF33" s="97"/>
      <c r="AG33" s="97"/>
      <c r="AH33" s="95"/>
      <c r="AI33" s="95"/>
      <c r="AJ33" s="95"/>
      <c r="AK33" s="95"/>
      <c r="AL33" s="96"/>
      <c r="AM33" s="97"/>
      <c r="AN33" s="97"/>
      <c r="AO33" s="98"/>
    </row>
    <row r="34" spans="1:41" s="59" customFormat="1" ht="9.75" customHeight="1">
      <c r="A34" s="40"/>
      <c r="B34" s="170"/>
      <c r="C34" s="218" t="s">
        <v>26</v>
      </c>
      <c r="D34" s="221" t="s">
        <v>757</v>
      </c>
      <c r="E34" s="162"/>
      <c r="F34" s="163"/>
      <c r="G34" s="162"/>
      <c r="H34" s="69"/>
      <c r="I34" s="162"/>
      <c r="J34" s="69"/>
      <c r="K34" s="198"/>
      <c r="L34" s="162"/>
      <c r="M34" s="197"/>
      <c r="N34" s="70"/>
      <c r="O34" s="167"/>
      <c r="P34" s="167"/>
      <c r="Q34" s="68"/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3"/>
      <c r="C35" s="219"/>
      <c r="D35" s="222"/>
      <c r="E35" s="169"/>
      <c r="F35" s="170"/>
      <c r="G35" s="169"/>
      <c r="H35" s="44" t="s">
        <v>823</v>
      </c>
      <c r="I35" s="169"/>
      <c r="J35" s="44" t="s">
        <v>22</v>
      </c>
      <c r="K35" s="192" t="s">
        <v>22</v>
      </c>
      <c r="L35" s="169"/>
      <c r="M35" s="191" t="s">
        <v>22</v>
      </c>
      <c r="N35" s="45" t="s">
        <v>823</v>
      </c>
      <c r="O35" s="168"/>
      <c r="P35" s="168"/>
      <c r="Q35" s="41"/>
      <c r="R35" s="169"/>
      <c r="S35" s="168"/>
      <c r="T35" s="190" t="s">
        <v>22</v>
      </c>
      <c r="U35" s="168"/>
      <c r="V35" s="44" t="s">
        <v>22</v>
      </c>
      <c r="W35" s="45" t="s">
        <v>22</v>
      </c>
      <c r="X35" s="45" t="s">
        <v>22</v>
      </c>
      <c r="Y35" s="45" t="s">
        <v>823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3"/>
      <c r="C36" s="219"/>
      <c r="D36" s="222"/>
      <c r="E36" s="169"/>
      <c r="F36" s="170"/>
      <c r="G36" s="169"/>
      <c r="H36" s="44"/>
      <c r="I36" s="169"/>
      <c r="J36" s="44"/>
      <c r="K36" s="192"/>
      <c r="L36" s="169"/>
      <c r="M36" s="191"/>
      <c r="N36" s="45"/>
      <c r="O36" s="168"/>
      <c r="P36" s="168"/>
      <c r="Q36" s="41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70"/>
      <c r="E37" s="218" t="s">
        <v>21</v>
      </c>
      <c r="F37" s="221" t="s">
        <v>757</v>
      </c>
      <c r="G37" s="162"/>
      <c r="H37" s="69"/>
      <c r="I37" s="162"/>
      <c r="J37" s="69"/>
      <c r="K37" s="198"/>
      <c r="L37" s="162"/>
      <c r="M37" s="197"/>
      <c r="N37" s="70"/>
      <c r="O37" s="167"/>
      <c r="P37" s="167"/>
      <c r="Q37" s="68"/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3"/>
      <c r="E38" s="219"/>
      <c r="F38" s="222"/>
      <c r="G38" s="169"/>
      <c r="H38" s="44" t="s">
        <v>823</v>
      </c>
      <c r="I38" s="169"/>
      <c r="J38" s="44" t="s">
        <v>22</v>
      </c>
      <c r="K38" s="192" t="s">
        <v>22</v>
      </c>
      <c r="L38" s="169"/>
      <c r="M38" s="191" t="s">
        <v>22</v>
      </c>
      <c r="N38" s="45" t="s">
        <v>823</v>
      </c>
      <c r="O38" s="168"/>
      <c r="P38" s="168"/>
      <c r="Q38" s="170"/>
      <c r="R38" s="169"/>
      <c r="S38" s="168"/>
      <c r="T38" s="190" t="s">
        <v>22</v>
      </c>
      <c r="U38" s="168"/>
      <c r="V38" s="44" t="s">
        <v>22</v>
      </c>
      <c r="W38" s="45" t="s">
        <v>22</v>
      </c>
      <c r="X38" s="45" t="s">
        <v>22</v>
      </c>
      <c r="Y38" s="45" t="s">
        <v>823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3"/>
      <c r="E39" s="219"/>
      <c r="F39" s="222"/>
      <c r="G39" s="169"/>
      <c r="H39" s="44"/>
      <c r="I39" s="169"/>
      <c r="J39" s="44"/>
      <c r="K39" s="192"/>
      <c r="L39" s="169"/>
      <c r="M39" s="191"/>
      <c r="N39" s="45"/>
      <c r="O39" s="168"/>
      <c r="P39" s="168"/>
      <c r="Q39" s="170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76"/>
      <c r="B40" s="188"/>
      <c r="C40" s="167"/>
      <c r="D40" s="188"/>
      <c r="E40" s="167"/>
      <c r="F40" s="68"/>
      <c r="G40" s="103"/>
      <c r="H40" s="104"/>
      <c r="I40" s="103"/>
      <c r="J40" s="104"/>
      <c r="K40" s="187"/>
      <c r="L40" s="103"/>
      <c r="M40" s="186"/>
      <c r="N40" s="105"/>
      <c r="O40" s="106"/>
      <c r="P40" s="106"/>
      <c r="Q40" s="65"/>
      <c r="R40" s="103"/>
      <c r="S40" s="106"/>
      <c r="T40" s="185"/>
      <c r="U40" s="106"/>
      <c r="V40" s="104"/>
      <c r="W40" s="105"/>
      <c r="X40" s="105"/>
      <c r="Y40" s="105"/>
      <c r="Z40" s="184" t="s">
        <v>1</v>
      </c>
      <c r="AA40" s="109"/>
      <c r="AB40" s="109"/>
      <c r="AC40" s="109"/>
      <c r="AD40" s="110"/>
      <c r="AE40" s="111"/>
      <c r="AF40" s="111"/>
      <c r="AG40" s="111"/>
      <c r="AH40" s="109"/>
      <c r="AI40" s="109"/>
      <c r="AJ40" s="109"/>
      <c r="AK40" s="109"/>
      <c r="AL40" s="110"/>
      <c r="AM40" s="111"/>
      <c r="AN40" s="111"/>
      <c r="AO40" s="112"/>
    </row>
    <row r="41" spans="1:41" s="59" customFormat="1" ht="9.75" customHeight="1">
      <c r="A41" s="248" t="s">
        <v>660</v>
      </c>
      <c r="B41" s="249"/>
      <c r="C41" s="250"/>
      <c r="D41" s="250"/>
      <c r="E41" s="250"/>
      <c r="F41" s="236"/>
      <c r="G41" s="273" t="s">
        <v>231</v>
      </c>
      <c r="H41" s="274"/>
      <c r="I41" s="52" t="s">
        <v>23</v>
      </c>
      <c r="J41" s="53" t="s">
        <v>232</v>
      </c>
      <c r="K41" s="54" t="s">
        <v>22</v>
      </c>
      <c r="L41" s="52"/>
      <c r="M41" s="53" t="s">
        <v>22</v>
      </c>
      <c r="N41" s="183" t="s">
        <v>233</v>
      </c>
      <c r="O41" s="182"/>
      <c r="P41" s="55"/>
      <c r="Q41" s="56"/>
      <c r="R41" s="52"/>
      <c r="S41" s="55"/>
      <c r="T41" s="181" t="s">
        <v>822</v>
      </c>
      <c r="U41" s="55"/>
      <c r="V41" s="53" t="s">
        <v>22</v>
      </c>
      <c r="W41" s="54" t="s">
        <v>22</v>
      </c>
      <c r="X41" s="53" t="s">
        <v>22</v>
      </c>
      <c r="Y41" s="54" t="s">
        <v>821</v>
      </c>
      <c r="Z41" s="180"/>
      <c r="AA41" s="61"/>
      <c r="AB41" s="61"/>
      <c r="AC41" s="61"/>
      <c r="AD41" s="61"/>
      <c r="AE41" s="62"/>
      <c r="AF41" s="62"/>
      <c r="AG41" s="62"/>
      <c r="AH41" s="60"/>
      <c r="AI41" s="60"/>
      <c r="AJ41" s="60"/>
      <c r="AK41" s="60"/>
      <c r="AL41" s="61"/>
      <c r="AM41" s="61"/>
      <c r="AN41" s="61"/>
      <c r="AO41" s="63"/>
    </row>
    <row r="42" spans="1:41" s="59" customFormat="1" ht="9.75" customHeight="1">
      <c r="A42" s="77"/>
      <c r="B42" s="179"/>
      <c r="C42" s="82"/>
      <c r="D42" s="179"/>
      <c r="E42" s="82"/>
      <c r="F42" s="78"/>
      <c r="G42" s="79"/>
      <c r="H42" s="80"/>
      <c r="I42" s="79"/>
      <c r="J42" s="80"/>
      <c r="K42" s="178"/>
      <c r="L42" s="79"/>
      <c r="M42" s="177"/>
      <c r="N42" s="81"/>
      <c r="O42" s="82"/>
      <c r="P42" s="82"/>
      <c r="Q42" s="78"/>
      <c r="R42" s="79"/>
      <c r="S42" s="82"/>
      <c r="T42" s="176"/>
      <c r="U42" s="82"/>
      <c r="V42" s="80"/>
      <c r="W42" s="81"/>
      <c r="X42" s="81"/>
      <c r="Y42" s="81"/>
      <c r="Z42" s="175"/>
      <c r="AA42" s="117"/>
      <c r="AB42" s="117"/>
      <c r="AC42" s="117"/>
      <c r="AD42" s="118"/>
      <c r="AE42" s="119"/>
      <c r="AF42" s="119"/>
      <c r="AG42" s="119"/>
      <c r="AH42" s="117"/>
      <c r="AI42" s="117"/>
      <c r="AJ42" s="117"/>
      <c r="AK42" s="117"/>
      <c r="AL42" s="118"/>
      <c r="AM42" s="119"/>
      <c r="AN42" s="119"/>
      <c r="AO42" s="120"/>
    </row>
    <row r="43" spans="1:41" ht="9.75" customHeight="1">
      <c r="A43" s="134"/>
      <c r="B43" s="135"/>
      <c r="C43" s="135"/>
      <c r="D43" s="135"/>
      <c r="E43" s="135"/>
      <c r="F43" s="135"/>
      <c r="G43" s="135"/>
      <c r="H43" s="135"/>
      <c r="I43" s="135"/>
      <c r="J43" s="135"/>
      <c r="K43" s="135"/>
      <c r="L43" s="135"/>
      <c r="M43" s="135"/>
      <c r="N43" s="135"/>
      <c r="O43" s="135"/>
      <c r="P43" s="135"/>
      <c r="Q43" s="135"/>
      <c r="R43" s="135"/>
      <c r="S43" s="135"/>
      <c r="T43" s="135"/>
      <c r="U43" s="135"/>
      <c r="V43" s="135"/>
      <c r="W43" s="135"/>
      <c r="X43" s="135"/>
      <c r="Y43" s="135"/>
      <c r="Z43" s="136"/>
      <c r="AA43" s="136"/>
      <c r="AB43" s="136"/>
      <c r="AC43" s="136"/>
      <c r="AD43" s="136"/>
      <c r="AE43" s="136"/>
      <c r="AF43" s="136"/>
      <c r="AG43" s="136"/>
      <c r="AH43" s="136"/>
      <c r="AI43" s="136"/>
      <c r="AJ43" s="136"/>
      <c r="AK43" s="136"/>
      <c r="AL43" s="136"/>
      <c r="AM43" s="136"/>
      <c r="AN43" s="136"/>
      <c r="AO43" s="137"/>
    </row>
    <row r="44" spans="1:41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215"/>
      <c r="AA44" s="215"/>
      <c r="AB44" s="215"/>
      <c r="AC44" s="215"/>
      <c r="AD44" s="215"/>
      <c r="AE44" s="215"/>
      <c r="AF44" s="215"/>
      <c r="AG44" s="215"/>
      <c r="AH44" s="215"/>
      <c r="AI44" s="215"/>
      <c r="AJ44" s="215"/>
      <c r="AK44" s="215"/>
      <c r="AL44" s="215"/>
      <c r="AM44" s="215"/>
      <c r="AN44" s="215"/>
      <c r="AO44" s="214"/>
    </row>
    <row r="45" spans="1:41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215"/>
      <c r="AA45" s="215"/>
      <c r="AB45" s="215"/>
      <c r="AC45" s="215"/>
      <c r="AD45" s="215"/>
      <c r="AE45" s="215"/>
      <c r="AF45" s="215"/>
      <c r="AG45" s="215"/>
      <c r="AH45" s="215"/>
      <c r="AI45" s="215"/>
      <c r="AJ45" s="215"/>
      <c r="AK45" s="215"/>
      <c r="AL45" s="215"/>
      <c r="AM45" s="215"/>
      <c r="AN45" s="215"/>
      <c r="AO45" s="214"/>
    </row>
    <row r="46" spans="1:41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  <c r="AN46" s="139"/>
      <c r="AO46" s="140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3">
    <mergeCell ref="F37:F39"/>
    <mergeCell ref="E37:E39"/>
    <mergeCell ref="Q10:Q12"/>
    <mergeCell ref="P10:P12"/>
    <mergeCell ref="Q19:Q21"/>
    <mergeCell ref="P19:P21"/>
    <mergeCell ref="Q28:Q30"/>
    <mergeCell ref="P28:P30"/>
    <mergeCell ref="Q31:Q33"/>
    <mergeCell ref="P31:P33"/>
    <mergeCell ref="F16:F18"/>
    <mergeCell ref="E16:E18"/>
    <mergeCell ref="F25:F27"/>
    <mergeCell ref="E25:E27"/>
    <mergeCell ref="D22:D24"/>
    <mergeCell ref="B10:B12"/>
    <mergeCell ref="A10:A12"/>
    <mergeCell ref="D13:D15"/>
    <mergeCell ref="C13:C15"/>
    <mergeCell ref="D34:D36"/>
    <mergeCell ref="C34:C36"/>
    <mergeCell ref="C22:C24"/>
    <mergeCell ref="T5:T8"/>
    <mergeCell ref="U5:X5"/>
    <mergeCell ref="X6:X8"/>
    <mergeCell ref="P7:Q8"/>
    <mergeCell ref="R7:S8"/>
    <mergeCell ref="A41:F41"/>
    <mergeCell ref="G41:H41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48" pageOrder="overThenDown" orientation="portrait" useFirstPageNumber="1" r:id="rId1"/>
  <headerFooter>
    <oddFooter>&amp;C- &amp;P -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41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197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44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2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242</v>
      </c>
      <c r="I12" s="52"/>
      <c r="J12" s="53" t="s">
        <v>22</v>
      </c>
      <c r="K12" s="54" t="s">
        <v>22</v>
      </c>
      <c r="L12" s="54" t="s">
        <v>242</v>
      </c>
      <c r="M12" s="55"/>
      <c r="N12" s="55"/>
      <c r="O12" s="56"/>
      <c r="P12" s="52"/>
      <c r="Q12" s="53"/>
      <c r="R12" s="52" t="s">
        <v>243</v>
      </c>
      <c r="S12" s="57"/>
      <c r="T12" s="58" t="s">
        <v>243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109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44</v>
      </c>
      <c r="I15" s="43"/>
      <c r="J15" s="44" t="s">
        <v>22</v>
      </c>
      <c r="K15" s="45" t="s">
        <v>22</v>
      </c>
      <c r="L15" s="45" t="s">
        <v>244</v>
      </c>
      <c r="M15" s="42"/>
      <c r="N15" s="42"/>
      <c r="O15" s="64"/>
      <c r="P15" s="43"/>
      <c r="Q15" s="44"/>
      <c r="R15" s="43" t="s">
        <v>244</v>
      </c>
      <c r="S15" s="46"/>
      <c r="T15" s="47" t="s">
        <v>244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12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44</v>
      </c>
      <c r="I18" s="43"/>
      <c r="J18" s="44" t="s">
        <v>22</v>
      </c>
      <c r="K18" s="45" t="s">
        <v>22</v>
      </c>
      <c r="L18" s="45" t="s">
        <v>244</v>
      </c>
      <c r="M18" s="42"/>
      <c r="N18" s="42"/>
      <c r="O18" s="64"/>
      <c r="P18" s="43"/>
      <c r="Q18" s="44"/>
      <c r="R18" s="43" t="s">
        <v>244</v>
      </c>
      <c r="S18" s="46"/>
      <c r="T18" s="47" t="s">
        <v>244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112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244</v>
      </c>
      <c r="R21" s="43" t="s">
        <v>244</v>
      </c>
      <c r="S21" s="46"/>
      <c r="T21" s="47" t="s">
        <v>244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66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245</v>
      </c>
      <c r="I24" s="43"/>
      <c r="J24" s="44" t="s">
        <v>22</v>
      </c>
      <c r="K24" s="45" t="s">
        <v>22</v>
      </c>
      <c r="L24" s="45" t="s">
        <v>245</v>
      </c>
      <c r="M24" s="42"/>
      <c r="N24" s="42"/>
      <c r="O24" s="41"/>
      <c r="P24" s="43"/>
      <c r="Q24" s="44"/>
      <c r="R24" s="43" t="s">
        <v>246</v>
      </c>
      <c r="S24" s="46"/>
      <c r="T24" s="47" t="s">
        <v>246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30" t="s">
        <v>571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245</v>
      </c>
      <c r="I27" s="43"/>
      <c r="J27" s="44" t="s">
        <v>22</v>
      </c>
      <c r="K27" s="45" t="s">
        <v>22</v>
      </c>
      <c r="L27" s="45" t="s">
        <v>245</v>
      </c>
      <c r="M27" s="42"/>
      <c r="N27" s="42"/>
      <c r="O27" s="64"/>
      <c r="P27" s="43"/>
      <c r="Q27" s="44"/>
      <c r="R27" s="43" t="s">
        <v>246</v>
      </c>
      <c r="S27" s="46"/>
      <c r="T27" s="47" t="s">
        <v>246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6</v>
      </c>
      <c r="D29" s="221" t="s">
        <v>80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247</v>
      </c>
      <c r="I30" s="43"/>
      <c r="J30" s="44" t="s">
        <v>22</v>
      </c>
      <c r="K30" s="45" t="s">
        <v>22</v>
      </c>
      <c r="L30" s="45" t="s">
        <v>247</v>
      </c>
      <c r="M30" s="42"/>
      <c r="N30" s="42"/>
      <c r="O30" s="41"/>
      <c r="P30" s="43"/>
      <c r="Q30" s="44"/>
      <c r="R30" s="43" t="s">
        <v>248</v>
      </c>
      <c r="S30" s="46"/>
      <c r="T30" s="47" t="s">
        <v>248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21" t="s">
        <v>80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247</v>
      </c>
      <c r="I33" s="43"/>
      <c r="J33" s="44" t="s">
        <v>22</v>
      </c>
      <c r="K33" s="45" t="s">
        <v>22</v>
      </c>
      <c r="L33" s="45" t="s">
        <v>247</v>
      </c>
      <c r="M33" s="42"/>
      <c r="N33" s="42"/>
      <c r="O33" s="64"/>
      <c r="P33" s="43"/>
      <c r="Q33" s="44"/>
      <c r="R33" s="43" t="s">
        <v>248</v>
      </c>
      <c r="S33" s="46"/>
      <c r="T33" s="47" t="s">
        <v>248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50"/>
      <c r="B35" s="51"/>
      <c r="C35" s="218" t="s">
        <v>31</v>
      </c>
      <c r="D35" s="221" t="s">
        <v>82</v>
      </c>
      <c r="E35" s="66"/>
      <c r="F35" s="67"/>
      <c r="G35" s="66"/>
      <c r="H35" s="69"/>
      <c r="I35" s="66"/>
      <c r="J35" s="69"/>
      <c r="K35" s="70"/>
      <c r="L35" s="70"/>
      <c r="M35" s="71"/>
      <c r="N35" s="71"/>
      <c r="O35" s="68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50"/>
      <c r="B36" s="51"/>
      <c r="C36" s="219"/>
      <c r="D36" s="222"/>
      <c r="E36" s="43"/>
      <c r="F36" s="64"/>
      <c r="G36" s="43"/>
      <c r="H36" s="44" t="s">
        <v>38</v>
      </c>
      <c r="I36" s="43"/>
      <c r="J36" s="44" t="s">
        <v>22</v>
      </c>
      <c r="K36" s="45" t="s">
        <v>22</v>
      </c>
      <c r="L36" s="45" t="s">
        <v>38</v>
      </c>
      <c r="M36" s="42"/>
      <c r="N36" s="42"/>
      <c r="O36" s="41"/>
      <c r="P36" s="43"/>
      <c r="Q36" s="44"/>
      <c r="R36" s="43" t="s">
        <v>249</v>
      </c>
      <c r="S36" s="46"/>
      <c r="T36" s="47" t="s">
        <v>249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50"/>
      <c r="B37" s="51"/>
      <c r="C37" s="219"/>
      <c r="D37" s="222"/>
      <c r="E37" s="43"/>
      <c r="F37" s="64"/>
      <c r="G37" s="43"/>
      <c r="H37" s="44"/>
      <c r="I37" s="43"/>
      <c r="J37" s="44"/>
      <c r="K37" s="45"/>
      <c r="L37" s="45"/>
      <c r="M37" s="42"/>
      <c r="N37" s="42"/>
      <c r="O37" s="41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50"/>
      <c r="B38" s="56"/>
      <c r="C38" s="43"/>
      <c r="D38" s="64"/>
      <c r="E38" s="218" t="s">
        <v>21</v>
      </c>
      <c r="F38" s="221" t="s">
        <v>83</v>
      </c>
      <c r="G38" s="66"/>
      <c r="H38" s="69"/>
      <c r="I38" s="66"/>
      <c r="J38" s="69"/>
      <c r="K38" s="70"/>
      <c r="L38" s="70"/>
      <c r="M38" s="71"/>
      <c r="N38" s="71"/>
      <c r="O38" s="67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43"/>
      <c r="D39" s="64"/>
      <c r="E39" s="219"/>
      <c r="F39" s="222"/>
      <c r="G39" s="43"/>
      <c r="H39" s="44" t="s">
        <v>38</v>
      </c>
      <c r="I39" s="43"/>
      <c r="J39" s="44" t="s">
        <v>22</v>
      </c>
      <c r="K39" s="45" t="s">
        <v>22</v>
      </c>
      <c r="L39" s="45" t="s">
        <v>38</v>
      </c>
      <c r="M39" s="42"/>
      <c r="N39" s="42"/>
      <c r="O39" s="64"/>
      <c r="P39" s="43"/>
      <c r="Q39" s="44"/>
      <c r="R39" s="43" t="s">
        <v>249</v>
      </c>
      <c r="S39" s="46"/>
      <c r="T39" s="47" t="s">
        <v>249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89"/>
      <c r="B40" s="90"/>
      <c r="C40" s="91"/>
      <c r="D40" s="102"/>
      <c r="E40" s="220"/>
      <c r="F40" s="223"/>
      <c r="G40" s="91"/>
      <c r="H40" s="92"/>
      <c r="I40" s="91"/>
      <c r="J40" s="92"/>
      <c r="K40" s="48"/>
      <c r="L40" s="48"/>
      <c r="M40" s="49"/>
      <c r="N40" s="49"/>
      <c r="O40" s="102"/>
      <c r="P40" s="91"/>
      <c r="Q40" s="92"/>
      <c r="R40" s="91"/>
      <c r="S40" s="93"/>
      <c r="T40" s="94"/>
      <c r="U40" s="92"/>
      <c r="V40" s="91"/>
      <c r="W40" s="92"/>
      <c r="X40" s="95"/>
      <c r="Y40" s="95"/>
      <c r="Z40" s="95"/>
      <c r="AA40" s="95"/>
      <c r="AB40" s="96"/>
      <c r="AC40" s="96"/>
      <c r="AD40" s="96"/>
      <c r="AE40" s="96"/>
      <c r="AF40" s="96"/>
      <c r="AG40" s="96"/>
      <c r="AH40" s="96"/>
      <c r="AI40" s="96"/>
      <c r="AJ40" s="96"/>
      <c r="AK40" s="97"/>
      <c r="AL40" s="97"/>
      <c r="AM40" s="98"/>
    </row>
    <row r="41" spans="1:39" s="59" customFormat="1" ht="9.75" customHeight="1">
      <c r="A41" s="76"/>
      <c r="B41" s="115"/>
      <c r="C41" s="115"/>
      <c r="D41" s="115"/>
      <c r="E41" s="115"/>
      <c r="F41" s="115"/>
      <c r="G41" s="103"/>
      <c r="H41" s="104"/>
      <c r="I41" s="103"/>
      <c r="J41" s="104"/>
      <c r="K41" s="105"/>
      <c r="L41" s="105"/>
      <c r="M41" s="106"/>
      <c r="N41" s="106"/>
      <c r="O41" s="65"/>
      <c r="P41" s="103"/>
      <c r="Q41" s="104"/>
      <c r="R41" s="103"/>
      <c r="S41" s="107"/>
      <c r="T41" s="108"/>
      <c r="U41" s="104"/>
      <c r="V41" s="103"/>
      <c r="W41" s="104"/>
      <c r="X41" s="109" t="s">
        <v>1</v>
      </c>
      <c r="Y41" s="109"/>
      <c r="Z41" s="109"/>
      <c r="AA41" s="109"/>
      <c r="AB41" s="110"/>
      <c r="AC41" s="110"/>
      <c r="AD41" s="110"/>
      <c r="AE41" s="110"/>
      <c r="AF41" s="110"/>
      <c r="AG41" s="110"/>
      <c r="AH41" s="110"/>
      <c r="AI41" s="110"/>
      <c r="AJ41" s="110"/>
      <c r="AK41" s="111"/>
      <c r="AL41" s="111"/>
      <c r="AM41" s="112"/>
    </row>
    <row r="42" spans="1:39" s="59" customFormat="1" ht="9.75" customHeight="1">
      <c r="A42" s="248" t="s">
        <v>19</v>
      </c>
      <c r="B42" s="249"/>
      <c r="C42" s="250"/>
      <c r="D42" s="250"/>
      <c r="E42" s="250"/>
      <c r="F42" s="236"/>
      <c r="G42" s="52"/>
      <c r="H42" s="53" t="s">
        <v>242</v>
      </c>
      <c r="I42" s="52"/>
      <c r="J42" s="53" t="s">
        <v>22</v>
      </c>
      <c r="K42" s="54" t="s">
        <v>22</v>
      </c>
      <c r="L42" s="54" t="s">
        <v>242</v>
      </c>
      <c r="M42" s="55"/>
      <c r="N42" s="55"/>
      <c r="O42" s="56"/>
      <c r="P42" s="52"/>
      <c r="Q42" s="53"/>
      <c r="R42" s="52" t="s">
        <v>243</v>
      </c>
      <c r="S42" s="57"/>
      <c r="T42" s="58" t="s">
        <v>243</v>
      </c>
      <c r="U42" s="53" t="s">
        <v>22</v>
      </c>
      <c r="V42" s="52"/>
      <c r="W42" s="53" t="s">
        <v>22</v>
      </c>
      <c r="X42" s="60"/>
      <c r="Y42" s="60"/>
      <c r="Z42" s="60"/>
      <c r="AA42" s="60"/>
      <c r="AB42" s="61"/>
      <c r="AC42" s="61"/>
      <c r="AD42" s="61"/>
      <c r="AE42" s="61"/>
      <c r="AF42" s="61"/>
      <c r="AG42" s="61"/>
      <c r="AH42" s="61"/>
      <c r="AI42" s="61"/>
      <c r="AJ42" s="61"/>
      <c r="AK42" s="62"/>
      <c r="AL42" s="62"/>
      <c r="AM42" s="63"/>
    </row>
    <row r="43" spans="1:39" s="59" customFormat="1" ht="9.75" customHeight="1">
      <c r="A43" s="77"/>
      <c r="B43" s="116"/>
      <c r="C43" s="116"/>
      <c r="D43" s="116"/>
      <c r="E43" s="116"/>
      <c r="F43" s="116"/>
      <c r="G43" s="79"/>
      <c r="H43" s="80"/>
      <c r="I43" s="79"/>
      <c r="J43" s="80"/>
      <c r="K43" s="81"/>
      <c r="L43" s="81"/>
      <c r="M43" s="82"/>
      <c r="N43" s="82"/>
      <c r="O43" s="78"/>
      <c r="P43" s="79"/>
      <c r="Q43" s="80"/>
      <c r="R43" s="79"/>
      <c r="S43" s="83"/>
      <c r="T43" s="84"/>
      <c r="U43" s="80"/>
      <c r="V43" s="79"/>
      <c r="W43" s="80"/>
      <c r="X43" s="117"/>
      <c r="Y43" s="117"/>
      <c r="Z43" s="117"/>
      <c r="AA43" s="117"/>
      <c r="AB43" s="118"/>
      <c r="AC43" s="118"/>
      <c r="AD43" s="118"/>
      <c r="AE43" s="118"/>
      <c r="AF43" s="118"/>
      <c r="AG43" s="118"/>
      <c r="AH43" s="118"/>
      <c r="AI43" s="118"/>
      <c r="AJ43" s="118"/>
      <c r="AK43" s="119"/>
      <c r="AL43" s="119"/>
      <c r="AM43" s="120"/>
    </row>
    <row r="44" spans="1:39" ht="9.75" customHeight="1">
      <c r="A44" s="134"/>
      <c r="B44" s="135"/>
      <c r="C44" s="135"/>
      <c r="D44" s="135"/>
      <c r="E44" s="135"/>
      <c r="F44" s="135"/>
      <c r="G44" s="135"/>
      <c r="H44" s="135"/>
      <c r="I44" s="135"/>
      <c r="J44" s="135"/>
      <c r="K44" s="135"/>
      <c r="L44" s="135"/>
      <c r="M44" s="135"/>
      <c r="N44" s="135"/>
      <c r="O44" s="135"/>
      <c r="P44" s="135"/>
      <c r="Q44" s="135"/>
      <c r="R44" s="135"/>
      <c r="S44" s="135"/>
      <c r="T44" s="135"/>
      <c r="U44" s="135"/>
      <c r="V44" s="135"/>
      <c r="W44" s="135"/>
      <c r="X44" s="136"/>
      <c r="Y44" s="136"/>
      <c r="Z44" s="136"/>
      <c r="AA44" s="136"/>
      <c r="AB44" s="136"/>
      <c r="AC44" s="136"/>
      <c r="AD44" s="136"/>
      <c r="AE44" s="136"/>
      <c r="AF44" s="136"/>
      <c r="AG44" s="136"/>
      <c r="AH44" s="136"/>
      <c r="AI44" s="136"/>
      <c r="AJ44" s="136"/>
      <c r="AK44" s="136"/>
      <c r="AL44" s="136"/>
      <c r="AM44" s="137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9">
    <mergeCell ref="A42:F42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E17:E19"/>
    <mergeCell ref="F26:F28"/>
    <mergeCell ref="E26:E28"/>
    <mergeCell ref="F32:F34"/>
    <mergeCell ref="E32:E34"/>
    <mergeCell ref="F38:F40"/>
    <mergeCell ref="E38:E40"/>
    <mergeCell ref="O20:O22"/>
    <mergeCell ref="N20:N22"/>
    <mergeCell ref="C29:C31"/>
    <mergeCell ref="D35:D37"/>
    <mergeCell ref="C35:C37"/>
  </mergeCells>
  <phoneticPr fontId="1"/>
  <pageMargins left="0.43307086614173229" right="0.39370078740157483" top="0.19685039370078741" bottom="0" header="0.19685039370078741" footer="0.19685039370078741"/>
  <pageSetup paperSize="9" firstPageNumber="250" pageOrder="overThenDown" orientation="portrait" useFirstPageNumber="1" r:id="rId1"/>
  <headerFooter>
    <oddFooter>&amp;C- &amp;P -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838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837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242</v>
      </c>
      <c r="I11" s="52"/>
      <c r="J11" s="53" t="s">
        <v>22</v>
      </c>
      <c r="K11" s="183" t="s">
        <v>22</v>
      </c>
      <c r="L11" s="52"/>
      <c r="M11" s="205" t="s">
        <v>22</v>
      </c>
      <c r="N11" s="54" t="s">
        <v>242</v>
      </c>
      <c r="O11" s="55"/>
      <c r="P11" s="228"/>
      <c r="Q11" s="294"/>
      <c r="R11" s="52"/>
      <c r="S11" s="55"/>
      <c r="T11" s="204" t="s">
        <v>246</v>
      </c>
      <c r="U11" s="55"/>
      <c r="V11" s="53" t="s">
        <v>22</v>
      </c>
      <c r="W11" s="54" t="s">
        <v>22</v>
      </c>
      <c r="X11" s="54" t="s">
        <v>22</v>
      </c>
      <c r="Y11" s="54" t="s">
        <v>829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835</v>
      </c>
      <c r="I14" s="169"/>
      <c r="J14" s="44" t="s">
        <v>22</v>
      </c>
      <c r="K14" s="192" t="s">
        <v>22</v>
      </c>
      <c r="L14" s="169"/>
      <c r="M14" s="191" t="s">
        <v>22</v>
      </c>
      <c r="N14" s="45" t="s">
        <v>835</v>
      </c>
      <c r="O14" s="168"/>
      <c r="P14" s="168"/>
      <c r="Q14" s="170"/>
      <c r="R14" s="169"/>
      <c r="S14" s="168"/>
      <c r="T14" s="190" t="s">
        <v>22</v>
      </c>
      <c r="U14" s="168"/>
      <c r="V14" s="44" t="s">
        <v>22</v>
      </c>
      <c r="W14" s="45" t="s">
        <v>22</v>
      </c>
      <c r="X14" s="45" t="s">
        <v>22</v>
      </c>
      <c r="Y14" s="45" t="s">
        <v>835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4" t="s">
        <v>836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5"/>
      <c r="G17" s="169"/>
      <c r="H17" s="44" t="s">
        <v>835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835</v>
      </c>
      <c r="O17" s="168"/>
      <c r="P17" s="168"/>
      <c r="Q17" s="170"/>
      <c r="R17" s="169"/>
      <c r="S17" s="168"/>
      <c r="T17" s="190" t="s">
        <v>22</v>
      </c>
      <c r="U17" s="168"/>
      <c r="V17" s="44" t="s">
        <v>22</v>
      </c>
      <c r="W17" s="45" t="s">
        <v>22</v>
      </c>
      <c r="X17" s="45" t="s">
        <v>22</v>
      </c>
      <c r="Y17" s="45" t="s">
        <v>835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5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835</v>
      </c>
      <c r="T20" s="190" t="s">
        <v>22</v>
      </c>
      <c r="U20" s="168"/>
      <c r="V20" s="44" t="s">
        <v>22</v>
      </c>
      <c r="W20" s="45" t="s">
        <v>22</v>
      </c>
      <c r="X20" s="45" t="s">
        <v>22</v>
      </c>
      <c r="Y20" s="45" t="s">
        <v>835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72"/>
      <c r="D21" s="203"/>
      <c r="E21" s="172"/>
      <c r="F21" s="90"/>
      <c r="G21" s="172"/>
      <c r="H21" s="92"/>
      <c r="I21" s="172"/>
      <c r="J21" s="92"/>
      <c r="K21" s="202"/>
      <c r="L21" s="172"/>
      <c r="M21" s="201"/>
      <c r="N21" s="48"/>
      <c r="O21" s="174"/>
      <c r="P21" s="229"/>
      <c r="Q21" s="223"/>
      <c r="R21" s="172"/>
      <c r="S21" s="174"/>
      <c r="T21" s="200"/>
      <c r="U21" s="174"/>
      <c r="V21" s="92"/>
      <c r="W21" s="48"/>
      <c r="X21" s="48"/>
      <c r="Y21" s="48"/>
      <c r="Z21" s="199"/>
      <c r="AA21" s="95"/>
      <c r="AB21" s="95"/>
      <c r="AC21" s="95"/>
      <c r="AD21" s="96"/>
      <c r="AE21" s="97"/>
      <c r="AF21" s="97"/>
      <c r="AG21" s="97"/>
      <c r="AH21" s="95"/>
      <c r="AI21" s="95"/>
      <c r="AJ21" s="95"/>
      <c r="AK21" s="95"/>
      <c r="AL21" s="96"/>
      <c r="AM21" s="97"/>
      <c r="AN21" s="97"/>
      <c r="AO21" s="98"/>
    </row>
    <row r="22" spans="1:41" s="59" customFormat="1" ht="9.75" customHeight="1">
      <c r="A22" s="40"/>
      <c r="B22" s="170"/>
      <c r="C22" s="218" t="s">
        <v>25</v>
      </c>
      <c r="D22" s="221" t="s">
        <v>816</v>
      </c>
      <c r="E22" s="162"/>
      <c r="F22" s="163"/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219"/>
      <c r="D23" s="222"/>
      <c r="E23" s="169"/>
      <c r="F23" s="170"/>
      <c r="G23" s="169"/>
      <c r="H23" s="44" t="s">
        <v>245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245</v>
      </c>
      <c r="O23" s="168"/>
      <c r="P23" s="168"/>
      <c r="Q23" s="41"/>
      <c r="R23" s="169"/>
      <c r="S23" s="168"/>
      <c r="T23" s="190" t="s">
        <v>246</v>
      </c>
      <c r="U23" s="168"/>
      <c r="V23" s="44" t="s">
        <v>22</v>
      </c>
      <c r="W23" s="45" t="s">
        <v>22</v>
      </c>
      <c r="X23" s="45" t="s">
        <v>22</v>
      </c>
      <c r="Y23" s="45" t="s">
        <v>834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219"/>
      <c r="D24" s="222"/>
      <c r="E24" s="169"/>
      <c r="F24" s="170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70"/>
      <c r="E25" s="218" t="s">
        <v>21</v>
      </c>
      <c r="F25" s="221" t="s">
        <v>815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219"/>
      <c r="F26" s="222"/>
      <c r="G26" s="169"/>
      <c r="H26" s="44" t="s">
        <v>245</v>
      </c>
      <c r="I26" s="169"/>
      <c r="J26" s="44" t="s">
        <v>22</v>
      </c>
      <c r="K26" s="192" t="s">
        <v>22</v>
      </c>
      <c r="L26" s="169"/>
      <c r="M26" s="191" t="s">
        <v>22</v>
      </c>
      <c r="N26" s="45" t="s">
        <v>245</v>
      </c>
      <c r="O26" s="168"/>
      <c r="P26" s="168"/>
      <c r="Q26" s="170"/>
      <c r="R26" s="169"/>
      <c r="S26" s="168"/>
      <c r="T26" s="190" t="s">
        <v>246</v>
      </c>
      <c r="U26" s="168"/>
      <c r="V26" s="44" t="s">
        <v>22</v>
      </c>
      <c r="W26" s="45" t="s">
        <v>22</v>
      </c>
      <c r="X26" s="45" t="s">
        <v>22</v>
      </c>
      <c r="Y26" s="45" t="s">
        <v>834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170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6</v>
      </c>
      <c r="Q28" s="221" t="s">
        <v>833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557</v>
      </c>
      <c r="T29" s="190" t="s">
        <v>22</v>
      </c>
      <c r="U29" s="168"/>
      <c r="V29" s="44" t="s">
        <v>22</v>
      </c>
      <c r="W29" s="45" t="s">
        <v>22</v>
      </c>
      <c r="X29" s="45" t="s">
        <v>22</v>
      </c>
      <c r="Y29" s="45" t="s">
        <v>557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7</v>
      </c>
      <c r="Q31" s="221" t="s">
        <v>786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832</v>
      </c>
      <c r="T32" s="190" t="s">
        <v>22</v>
      </c>
      <c r="U32" s="168"/>
      <c r="V32" s="44" t="s">
        <v>22</v>
      </c>
      <c r="W32" s="45" t="s">
        <v>22</v>
      </c>
      <c r="X32" s="45" t="s">
        <v>22</v>
      </c>
      <c r="Y32" s="45" t="s">
        <v>832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9</v>
      </c>
      <c r="Q34" s="221" t="s">
        <v>704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98</v>
      </c>
      <c r="T35" s="190" t="s">
        <v>246</v>
      </c>
      <c r="U35" s="168"/>
      <c r="V35" s="44" t="s">
        <v>22</v>
      </c>
      <c r="W35" s="45" t="s">
        <v>22</v>
      </c>
      <c r="X35" s="45" t="s">
        <v>22</v>
      </c>
      <c r="Y35" s="45" t="s">
        <v>831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72"/>
      <c r="D36" s="203"/>
      <c r="E36" s="172"/>
      <c r="F36" s="90"/>
      <c r="G36" s="172"/>
      <c r="H36" s="92"/>
      <c r="I36" s="172"/>
      <c r="J36" s="92"/>
      <c r="K36" s="202"/>
      <c r="L36" s="172"/>
      <c r="M36" s="201"/>
      <c r="N36" s="48"/>
      <c r="O36" s="174"/>
      <c r="P36" s="229"/>
      <c r="Q36" s="223"/>
      <c r="R36" s="172"/>
      <c r="S36" s="174"/>
      <c r="T36" s="200"/>
      <c r="U36" s="174"/>
      <c r="V36" s="92"/>
      <c r="W36" s="48"/>
      <c r="X36" s="48"/>
      <c r="Y36" s="48"/>
      <c r="Z36" s="199"/>
      <c r="AA36" s="95"/>
      <c r="AB36" s="95"/>
      <c r="AC36" s="95"/>
      <c r="AD36" s="96"/>
      <c r="AE36" s="97"/>
      <c r="AF36" s="97"/>
      <c r="AG36" s="97"/>
      <c r="AH36" s="95"/>
      <c r="AI36" s="95"/>
      <c r="AJ36" s="95"/>
      <c r="AK36" s="95"/>
      <c r="AL36" s="96"/>
      <c r="AM36" s="97"/>
      <c r="AN36" s="97"/>
      <c r="AO36" s="98"/>
    </row>
    <row r="37" spans="1:41" s="59" customFormat="1" ht="9.75" customHeight="1">
      <c r="A37" s="40"/>
      <c r="B37" s="170"/>
      <c r="C37" s="218" t="s">
        <v>26</v>
      </c>
      <c r="D37" s="221" t="s">
        <v>757</v>
      </c>
      <c r="E37" s="162"/>
      <c r="F37" s="163"/>
      <c r="G37" s="162"/>
      <c r="H37" s="69"/>
      <c r="I37" s="162"/>
      <c r="J37" s="69"/>
      <c r="K37" s="198"/>
      <c r="L37" s="162"/>
      <c r="M37" s="197"/>
      <c r="N37" s="70"/>
      <c r="O37" s="167"/>
      <c r="P37" s="167"/>
      <c r="Q37" s="68"/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3"/>
      <c r="C38" s="219"/>
      <c r="D38" s="222"/>
      <c r="E38" s="169"/>
      <c r="F38" s="170"/>
      <c r="G38" s="169"/>
      <c r="H38" s="44" t="s">
        <v>830</v>
      </c>
      <c r="I38" s="169"/>
      <c r="J38" s="44" t="s">
        <v>22</v>
      </c>
      <c r="K38" s="192" t="s">
        <v>22</v>
      </c>
      <c r="L38" s="169"/>
      <c r="M38" s="191" t="s">
        <v>22</v>
      </c>
      <c r="N38" s="45" t="s">
        <v>830</v>
      </c>
      <c r="O38" s="168"/>
      <c r="P38" s="168"/>
      <c r="Q38" s="41"/>
      <c r="R38" s="169"/>
      <c r="S38" s="168"/>
      <c r="T38" s="190" t="s">
        <v>22</v>
      </c>
      <c r="U38" s="168"/>
      <c r="V38" s="44" t="s">
        <v>22</v>
      </c>
      <c r="W38" s="45" t="s">
        <v>22</v>
      </c>
      <c r="X38" s="45" t="s">
        <v>22</v>
      </c>
      <c r="Y38" s="45" t="s">
        <v>830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3"/>
      <c r="C39" s="219"/>
      <c r="D39" s="222"/>
      <c r="E39" s="169"/>
      <c r="F39" s="170"/>
      <c r="G39" s="169"/>
      <c r="H39" s="44"/>
      <c r="I39" s="169"/>
      <c r="J39" s="44"/>
      <c r="K39" s="192"/>
      <c r="L39" s="169"/>
      <c r="M39" s="191"/>
      <c r="N39" s="45"/>
      <c r="O39" s="168"/>
      <c r="P39" s="168"/>
      <c r="Q39" s="41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70"/>
      <c r="E40" s="218" t="s">
        <v>21</v>
      </c>
      <c r="F40" s="221" t="s">
        <v>757</v>
      </c>
      <c r="G40" s="162"/>
      <c r="H40" s="69"/>
      <c r="I40" s="162"/>
      <c r="J40" s="69"/>
      <c r="K40" s="198"/>
      <c r="L40" s="162"/>
      <c r="M40" s="197"/>
      <c r="N40" s="70"/>
      <c r="O40" s="167"/>
      <c r="P40" s="167"/>
      <c r="Q40" s="68"/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3"/>
      <c r="E41" s="219"/>
      <c r="F41" s="222"/>
      <c r="G41" s="169"/>
      <c r="H41" s="44" t="s">
        <v>830</v>
      </c>
      <c r="I41" s="169"/>
      <c r="J41" s="44" t="s">
        <v>22</v>
      </c>
      <c r="K41" s="192" t="s">
        <v>22</v>
      </c>
      <c r="L41" s="169"/>
      <c r="M41" s="191" t="s">
        <v>22</v>
      </c>
      <c r="N41" s="45" t="s">
        <v>830</v>
      </c>
      <c r="O41" s="168"/>
      <c r="P41" s="168"/>
      <c r="Q41" s="170"/>
      <c r="R41" s="169"/>
      <c r="S41" s="168"/>
      <c r="T41" s="190" t="s">
        <v>22</v>
      </c>
      <c r="U41" s="168"/>
      <c r="V41" s="44" t="s">
        <v>22</v>
      </c>
      <c r="W41" s="45" t="s">
        <v>22</v>
      </c>
      <c r="X41" s="45" t="s">
        <v>22</v>
      </c>
      <c r="Y41" s="45" t="s">
        <v>830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3"/>
      <c r="E42" s="219"/>
      <c r="F42" s="222"/>
      <c r="G42" s="169"/>
      <c r="H42" s="44"/>
      <c r="I42" s="169"/>
      <c r="J42" s="44"/>
      <c r="K42" s="192"/>
      <c r="L42" s="169"/>
      <c r="M42" s="191"/>
      <c r="N42" s="45"/>
      <c r="O42" s="168"/>
      <c r="P42" s="168"/>
      <c r="Q42" s="170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76"/>
      <c r="B43" s="188"/>
      <c r="C43" s="167"/>
      <c r="D43" s="188"/>
      <c r="E43" s="167"/>
      <c r="F43" s="68"/>
      <c r="G43" s="103"/>
      <c r="H43" s="104"/>
      <c r="I43" s="103"/>
      <c r="J43" s="104"/>
      <c r="K43" s="187"/>
      <c r="L43" s="103"/>
      <c r="M43" s="186"/>
      <c r="N43" s="105"/>
      <c r="O43" s="106"/>
      <c r="P43" s="106"/>
      <c r="Q43" s="65"/>
      <c r="R43" s="103"/>
      <c r="S43" s="106"/>
      <c r="T43" s="185"/>
      <c r="U43" s="106"/>
      <c r="V43" s="104"/>
      <c r="W43" s="105"/>
      <c r="X43" s="105"/>
      <c r="Y43" s="105"/>
      <c r="Z43" s="184" t="s">
        <v>1</v>
      </c>
      <c r="AA43" s="109"/>
      <c r="AB43" s="109"/>
      <c r="AC43" s="109"/>
      <c r="AD43" s="110"/>
      <c r="AE43" s="111"/>
      <c r="AF43" s="111"/>
      <c r="AG43" s="111"/>
      <c r="AH43" s="109"/>
      <c r="AI43" s="109"/>
      <c r="AJ43" s="109"/>
      <c r="AK43" s="109"/>
      <c r="AL43" s="110"/>
      <c r="AM43" s="111"/>
      <c r="AN43" s="111"/>
      <c r="AO43" s="112"/>
    </row>
    <row r="44" spans="1:41" s="59" customFormat="1" ht="9.75" customHeight="1">
      <c r="A44" s="248" t="s">
        <v>660</v>
      </c>
      <c r="B44" s="249"/>
      <c r="C44" s="250"/>
      <c r="D44" s="250"/>
      <c r="E44" s="250"/>
      <c r="F44" s="236"/>
      <c r="G44" s="273" t="s">
        <v>242</v>
      </c>
      <c r="H44" s="274"/>
      <c r="I44" s="52"/>
      <c r="J44" s="53" t="s">
        <v>22</v>
      </c>
      <c r="K44" s="54" t="s">
        <v>22</v>
      </c>
      <c r="L44" s="52"/>
      <c r="M44" s="53" t="s">
        <v>22</v>
      </c>
      <c r="N44" s="183" t="s">
        <v>242</v>
      </c>
      <c r="O44" s="182"/>
      <c r="P44" s="55"/>
      <c r="Q44" s="56"/>
      <c r="R44" s="52"/>
      <c r="S44" s="55"/>
      <c r="T44" s="181" t="s">
        <v>246</v>
      </c>
      <c r="U44" s="55"/>
      <c r="V44" s="53" t="s">
        <v>22</v>
      </c>
      <c r="W44" s="54" t="s">
        <v>22</v>
      </c>
      <c r="X44" s="53" t="s">
        <v>22</v>
      </c>
      <c r="Y44" s="54" t="s">
        <v>829</v>
      </c>
      <c r="Z44" s="180"/>
      <c r="AA44" s="61"/>
      <c r="AB44" s="61"/>
      <c r="AC44" s="61"/>
      <c r="AD44" s="61"/>
      <c r="AE44" s="62"/>
      <c r="AF44" s="62"/>
      <c r="AG44" s="62"/>
      <c r="AH44" s="60"/>
      <c r="AI44" s="60"/>
      <c r="AJ44" s="60"/>
      <c r="AK44" s="60"/>
      <c r="AL44" s="61"/>
      <c r="AM44" s="61"/>
      <c r="AN44" s="61"/>
      <c r="AO44" s="63"/>
    </row>
    <row r="45" spans="1:41" s="59" customFormat="1" ht="9.75" customHeight="1">
      <c r="A45" s="77"/>
      <c r="B45" s="179"/>
      <c r="C45" s="82"/>
      <c r="D45" s="179"/>
      <c r="E45" s="82"/>
      <c r="F45" s="78"/>
      <c r="G45" s="79"/>
      <c r="H45" s="80"/>
      <c r="I45" s="79"/>
      <c r="J45" s="80"/>
      <c r="K45" s="178"/>
      <c r="L45" s="79"/>
      <c r="M45" s="177"/>
      <c r="N45" s="81"/>
      <c r="O45" s="82"/>
      <c r="P45" s="82"/>
      <c r="Q45" s="78"/>
      <c r="R45" s="79"/>
      <c r="S45" s="82"/>
      <c r="T45" s="176"/>
      <c r="U45" s="82"/>
      <c r="V45" s="80"/>
      <c r="W45" s="81"/>
      <c r="X45" s="81"/>
      <c r="Y45" s="81"/>
      <c r="Z45" s="175"/>
      <c r="AA45" s="117"/>
      <c r="AB45" s="117"/>
      <c r="AC45" s="117"/>
      <c r="AD45" s="118"/>
      <c r="AE45" s="119"/>
      <c r="AF45" s="119"/>
      <c r="AG45" s="119"/>
      <c r="AH45" s="117"/>
      <c r="AI45" s="117"/>
      <c r="AJ45" s="117"/>
      <c r="AK45" s="117"/>
      <c r="AL45" s="118"/>
      <c r="AM45" s="119"/>
      <c r="AN45" s="119"/>
      <c r="AO45" s="120"/>
    </row>
    <row r="46" spans="1:41" ht="9.75" customHeight="1">
      <c r="A46" s="134"/>
      <c r="B46" s="135"/>
      <c r="C46" s="135"/>
      <c r="D46" s="135"/>
      <c r="E46" s="135"/>
      <c r="F46" s="135"/>
      <c r="G46" s="135"/>
      <c r="H46" s="135"/>
      <c r="I46" s="135"/>
      <c r="J46" s="135"/>
      <c r="K46" s="135"/>
      <c r="L46" s="135"/>
      <c r="M46" s="135"/>
      <c r="N46" s="135"/>
      <c r="O46" s="135"/>
      <c r="P46" s="135"/>
      <c r="Q46" s="135"/>
      <c r="R46" s="135"/>
      <c r="S46" s="135"/>
      <c r="T46" s="135"/>
      <c r="U46" s="135"/>
      <c r="V46" s="135"/>
      <c r="W46" s="135"/>
      <c r="X46" s="135"/>
      <c r="Y46" s="135"/>
      <c r="Z46" s="136"/>
      <c r="AA46" s="136"/>
      <c r="AB46" s="136"/>
      <c r="AC46" s="136"/>
      <c r="AD46" s="136"/>
      <c r="AE46" s="136"/>
      <c r="AF46" s="136"/>
      <c r="AG46" s="136"/>
      <c r="AH46" s="136"/>
      <c r="AI46" s="136"/>
      <c r="AJ46" s="136"/>
      <c r="AK46" s="136"/>
      <c r="AL46" s="136"/>
      <c r="AM46" s="136"/>
      <c r="AN46" s="136"/>
      <c r="AO46" s="137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5">
    <mergeCell ref="Q34:Q36"/>
    <mergeCell ref="P34:P36"/>
    <mergeCell ref="F40:F42"/>
    <mergeCell ref="E40:E42"/>
    <mergeCell ref="Q10:Q12"/>
    <mergeCell ref="P10:P12"/>
    <mergeCell ref="Q19:Q21"/>
    <mergeCell ref="P19:P21"/>
    <mergeCell ref="Q28:Q30"/>
    <mergeCell ref="P28:P30"/>
    <mergeCell ref="Q31:Q33"/>
    <mergeCell ref="P31:P33"/>
    <mergeCell ref="F16:F18"/>
    <mergeCell ref="E16:E18"/>
    <mergeCell ref="F25:F27"/>
    <mergeCell ref="E25:E27"/>
    <mergeCell ref="D22:D24"/>
    <mergeCell ref="B10:B12"/>
    <mergeCell ref="A10:A12"/>
    <mergeCell ref="D13:D15"/>
    <mergeCell ref="C13:C15"/>
    <mergeCell ref="D37:D39"/>
    <mergeCell ref="C37:C39"/>
    <mergeCell ref="C22:C24"/>
    <mergeCell ref="T5:T8"/>
    <mergeCell ref="U5:X5"/>
    <mergeCell ref="X6:X8"/>
    <mergeCell ref="P7:Q8"/>
    <mergeCell ref="R7:S8"/>
    <mergeCell ref="A44:F44"/>
    <mergeCell ref="G44:H44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52" pageOrder="overThenDown" orientation="portrait" useFirstPageNumber="1" r:id="rId1"/>
  <headerFooter>
    <oddFooter>&amp;C- &amp;P -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50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618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33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301" t="s">
        <v>619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42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 t="s">
        <v>251</v>
      </c>
    </row>
    <row r="12" spans="1:44" s="59" customFormat="1" ht="9.75" customHeight="1">
      <c r="A12" s="272"/>
      <c r="B12" s="225"/>
      <c r="C12" s="43"/>
      <c r="D12" s="64"/>
      <c r="E12" s="43"/>
      <c r="F12" s="64"/>
      <c r="G12" s="52"/>
      <c r="H12" s="53" t="s">
        <v>252</v>
      </c>
      <c r="I12" s="52" t="s">
        <v>23</v>
      </c>
      <c r="J12" s="53" t="s">
        <v>253</v>
      </c>
      <c r="K12" s="54" t="s">
        <v>254</v>
      </c>
      <c r="L12" s="54" t="s">
        <v>255</v>
      </c>
      <c r="M12" s="55"/>
      <c r="N12" s="55"/>
      <c r="O12" s="56"/>
      <c r="P12" s="52"/>
      <c r="Q12" s="53"/>
      <c r="R12" s="52" t="s">
        <v>256</v>
      </c>
      <c r="S12" s="57"/>
      <c r="T12" s="58" t="s">
        <v>256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5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52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57</v>
      </c>
      <c r="I15" s="43"/>
      <c r="J15" s="44" t="s">
        <v>22</v>
      </c>
      <c r="K15" s="45" t="s">
        <v>22</v>
      </c>
      <c r="L15" s="45" t="s">
        <v>257</v>
      </c>
      <c r="M15" s="42"/>
      <c r="N15" s="42"/>
      <c r="O15" s="64"/>
      <c r="P15" s="43"/>
      <c r="Q15" s="44"/>
      <c r="R15" s="43" t="s">
        <v>258</v>
      </c>
      <c r="S15" s="46"/>
      <c r="T15" s="47" t="s">
        <v>258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53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57</v>
      </c>
      <c r="I18" s="43"/>
      <c r="J18" s="44" t="s">
        <v>22</v>
      </c>
      <c r="K18" s="45" t="s">
        <v>22</v>
      </c>
      <c r="L18" s="45" t="s">
        <v>257</v>
      </c>
      <c r="M18" s="42"/>
      <c r="N18" s="42"/>
      <c r="O18" s="64"/>
      <c r="P18" s="43"/>
      <c r="Q18" s="44"/>
      <c r="R18" s="43" t="s">
        <v>258</v>
      </c>
      <c r="S18" s="46"/>
      <c r="T18" s="47" t="s">
        <v>258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5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257</v>
      </c>
      <c r="R21" s="43" t="s">
        <v>258</v>
      </c>
      <c r="S21" s="46"/>
      <c r="T21" s="47" t="s">
        <v>258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57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90</v>
      </c>
      <c r="I24" s="43"/>
      <c r="J24" s="44" t="s">
        <v>259</v>
      </c>
      <c r="K24" s="45" t="s">
        <v>22</v>
      </c>
      <c r="L24" s="45" t="s">
        <v>260</v>
      </c>
      <c r="M24" s="42"/>
      <c r="N24" s="42"/>
      <c r="O24" s="41"/>
      <c r="P24" s="43"/>
      <c r="Q24" s="44"/>
      <c r="R24" s="43" t="s">
        <v>261</v>
      </c>
      <c r="S24" s="46"/>
      <c r="T24" s="47" t="s">
        <v>261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57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90</v>
      </c>
      <c r="I27" s="43"/>
      <c r="J27" s="44" t="s">
        <v>259</v>
      </c>
      <c r="K27" s="45" t="s">
        <v>22</v>
      </c>
      <c r="L27" s="45" t="s">
        <v>260</v>
      </c>
      <c r="M27" s="42"/>
      <c r="N27" s="42"/>
      <c r="O27" s="64"/>
      <c r="P27" s="43"/>
      <c r="Q27" s="44"/>
      <c r="R27" s="43" t="s">
        <v>261</v>
      </c>
      <c r="S27" s="46"/>
      <c r="T27" s="47" t="s">
        <v>261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43"/>
      <c r="D28" s="64"/>
      <c r="E28" s="219"/>
      <c r="F28" s="222"/>
      <c r="G28" s="43"/>
      <c r="H28" s="44"/>
      <c r="I28" s="43"/>
      <c r="J28" s="44"/>
      <c r="K28" s="45"/>
      <c r="L28" s="45"/>
      <c r="M28" s="42"/>
      <c r="N28" s="42"/>
      <c r="O28" s="64"/>
      <c r="P28" s="43"/>
      <c r="Q28" s="44"/>
      <c r="R28" s="43"/>
      <c r="S28" s="46"/>
      <c r="T28" s="47"/>
      <c r="U28" s="44"/>
      <c r="V28" s="43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40"/>
      <c r="B29" s="41"/>
      <c r="C29" s="43"/>
      <c r="D29" s="41"/>
      <c r="E29" s="43"/>
      <c r="F29" s="64"/>
      <c r="G29" s="43"/>
      <c r="H29" s="44"/>
      <c r="I29" s="43"/>
      <c r="J29" s="44"/>
      <c r="K29" s="45"/>
      <c r="L29" s="45"/>
      <c r="M29" s="42"/>
      <c r="N29" s="227" t="s">
        <v>21</v>
      </c>
      <c r="O29" s="224" t="s">
        <v>620</v>
      </c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40"/>
      <c r="B30" s="41"/>
      <c r="C30" s="43"/>
      <c r="D30" s="41"/>
      <c r="E30" s="43"/>
      <c r="F30" s="64"/>
      <c r="G30" s="43"/>
      <c r="H30" s="44"/>
      <c r="I30" s="43"/>
      <c r="J30" s="44"/>
      <c r="K30" s="45"/>
      <c r="L30" s="45"/>
      <c r="M30" s="42"/>
      <c r="N30" s="228"/>
      <c r="O30" s="225"/>
      <c r="P30" s="43"/>
      <c r="Q30" s="44" t="s">
        <v>260</v>
      </c>
      <c r="R30" s="43" t="s">
        <v>261</v>
      </c>
      <c r="S30" s="46"/>
      <c r="T30" s="47" t="s">
        <v>261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40"/>
      <c r="B31" s="41"/>
      <c r="C31" s="91"/>
      <c r="D31" s="90"/>
      <c r="E31" s="91"/>
      <c r="F31" s="102"/>
      <c r="G31" s="91"/>
      <c r="H31" s="92"/>
      <c r="I31" s="91"/>
      <c r="J31" s="92"/>
      <c r="K31" s="48"/>
      <c r="L31" s="48"/>
      <c r="M31" s="49"/>
      <c r="N31" s="229"/>
      <c r="O31" s="226"/>
      <c r="P31" s="91"/>
      <c r="Q31" s="92"/>
      <c r="R31" s="91"/>
      <c r="S31" s="93"/>
      <c r="T31" s="94"/>
      <c r="U31" s="92"/>
      <c r="V31" s="91"/>
      <c r="W31" s="92"/>
      <c r="X31" s="95"/>
      <c r="Y31" s="95"/>
      <c r="Z31" s="95"/>
      <c r="AA31" s="95"/>
      <c r="AB31" s="96"/>
      <c r="AC31" s="96"/>
      <c r="AD31" s="96"/>
      <c r="AE31" s="96"/>
      <c r="AF31" s="96"/>
      <c r="AG31" s="96"/>
      <c r="AH31" s="96"/>
      <c r="AI31" s="96"/>
      <c r="AJ31" s="96"/>
      <c r="AK31" s="97"/>
      <c r="AL31" s="97"/>
      <c r="AM31" s="98"/>
    </row>
    <row r="32" spans="1:39" s="59" customFormat="1" ht="9.75" customHeight="1">
      <c r="A32" s="50"/>
      <c r="B32" s="51"/>
      <c r="C32" s="218" t="s">
        <v>26</v>
      </c>
      <c r="D32" s="221" t="s">
        <v>66</v>
      </c>
      <c r="E32" s="66"/>
      <c r="F32" s="67"/>
      <c r="G32" s="66"/>
      <c r="H32" s="69"/>
      <c r="I32" s="66"/>
      <c r="J32" s="69"/>
      <c r="K32" s="70"/>
      <c r="L32" s="70"/>
      <c r="M32" s="71"/>
      <c r="N32" s="71"/>
      <c r="O32" s="68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50"/>
      <c r="B33" s="51"/>
      <c r="C33" s="219"/>
      <c r="D33" s="222"/>
      <c r="E33" s="43"/>
      <c r="F33" s="64"/>
      <c r="G33" s="43"/>
      <c r="H33" s="44" t="s">
        <v>262</v>
      </c>
      <c r="I33" s="43" t="s">
        <v>23</v>
      </c>
      <c r="J33" s="44" t="s">
        <v>263</v>
      </c>
      <c r="K33" s="45" t="s">
        <v>22</v>
      </c>
      <c r="L33" s="45" t="s">
        <v>264</v>
      </c>
      <c r="M33" s="42"/>
      <c r="N33" s="42"/>
      <c r="O33" s="41"/>
      <c r="P33" s="43"/>
      <c r="Q33" s="44"/>
      <c r="R33" s="43" t="s">
        <v>265</v>
      </c>
      <c r="S33" s="46"/>
      <c r="T33" s="47" t="s">
        <v>265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50"/>
      <c r="B34" s="51"/>
      <c r="C34" s="219"/>
      <c r="D34" s="222"/>
      <c r="E34" s="43"/>
      <c r="F34" s="64"/>
      <c r="G34" s="43"/>
      <c r="H34" s="44"/>
      <c r="I34" s="43"/>
      <c r="J34" s="44"/>
      <c r="K34" s="45"/>
      <c r="L34" s="45"/>
      <c r="M34" s="42"/>
      <c r="N34" s="42"/>
      <c r="O34" s="41"/>
      <c r="P34" s="43"/>
      <c r="Q34" s="44"/>
      <c r="R34" s="43"/>
      <c r="S34" s="46"/>
      <c r="T34" s="47"/>
      <c r="U34" s="44"/>
      <c r="V34" s="43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50"/>
      <c r="B35" s="56"/>
      <c r="C35" s="43"/>
      <c r="D35" s="64"/>
      <c r="E35" s="218" t="s">
        <v>21</v>
      </c>
      <c r="F35" s="230" t="s">
        <v>571</v>
      </c>
      <c r="G35" s="66"/>
      <c r="H35" s="69"/>
      <c r="I35" s="66"/>
      <c r="J35" s="69"/>
      <c r="K35" s="70"/>
      <c r="L35" s="70"/>
      <c r="M35" s="71"/>
      <c r="N35" s="71"/>
      <c r="O35" s="67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40"/>
      <c r="B36" s="41"/>
      <c r="C36" s="43"/>
      <c r="D36" s="64"/>
      <c r="E36" s="219"/>
      <c r="F36" s="222"/>
      <c r="G36" s="43"/>
      <c r="H36" s="44" t="s">
        <v>266</v>
      </c>
      <c r="I36" s="43"/>
      <c r="J36" s="44" t="s">
        <v>267</v>
      </c>
      <c r="K36" s="45" t="s">
        <v>22</v>
      </c>
      <c r="L36" s="45" t="s">
        <v>268</v>
      </c>
      <c r="M36" s="42"/>
      <c r="N36" s="42"/>
      <c r="O36" s="64"/>
      <c r="P36" s="43"/>
      <c r="Q36" s="44"/>
      <c r="R36" s="43" t="s">
        <v>268</v>
      </c>
      <c r="S36" s="46"/>
      <c r="T36" s="47" t="s">
        <v>268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40"/>
      <c r="B37" s="41"/>
      <c r="C37" s="43"/>
      <c r="D37" s="64"/>
      <c r="E37" s="220"/>
      <c r="F37" s="223"/>
      <c r="G37" s="43"/>
      <c r="H37" s="44"/>
      <c r="I37" s="43"/>
      <c r="J37" s="44"/>
      <c r="K37" s="45"/>
      <c r="L37" s="45"/>
      <c r="M37" s="42"/>
      <c r="N37" s="42"/>
      <c r="O37" s="64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50"/>
      <c r="B38" s="51"/>
      <c r="C38" s="43"/>
      <c r="D38" s="64"/>
      <c r="E38" s="218" t="s">
        <v>25</v>
      </c>
      <c r="F38" s="221" t="s">
        <v>78</v>
      </c>
      <c r="G38" s="66"/>
      <c r="H38" s="69"/>
      <c r="I38" s="66"/>
      <c r="J38" s="69"/>
      <c r="K38" s="70"/>
      <c r="L38" s="70"/>
      <c r="M38" s="71"/>
      <c r="N38" s="71"/>
      <c r="O38" s="68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50"/>
      <c r="B39" s="51"/>
      <c r="C39" s="43"/>
      <c r="D39" s="64"/>
      <c r="E39" s="219"/>
      <c r="F39" s="222"/>
      <c r="G39" s="43"/>
      <c r="H39" s="44" t="s">
        <v>269</v>
      </c>
      <c r="I39" s="43" t="s">
        <v>23</v>
      </c>
      <c r="J39" s="44" t="s">
        <v>270</v>
      </c>
      <c r="K39" s="45" t="s">
        <v>22</v>
      </c>
      <c r="L39" s="45" t="s">
        <v>271</v>
      </c>
      <c r="M39" s="42"/>
      <c r="N39" s="42"/>
      <c r="O39" s="41"/>
      <c r="P39" s="43"/>
      <c r="Q39" s="44"/>
      <c r="R39" s="43" t="s">
        <v>272</v>
      </c>
      <c r="S39" s="46"/>
      <c r="T39" s="47" t="s">
        <v>272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50"/>
      <c r="B40" s="51"/>
      <c r="C40" s="43"/>
      <c r="D40" s="64"/>
      <c r="E40" s="219"/>
      <c r="F40" s="222"/>
      <c r="G40" s="43"/>
      <c r="H40" s="44"/>
      <c r="I40" s="43"/>
      <c r="J40" s="44"/>
      <c r="K40" s="45"/>
      <c r="L40" s="45"/>
      <c r="M40" s="42"/>
      <c r="N40" s="42"/>
      <c r="O40" s="41"/>
      <c r="P40" s="43"/>
      <c r="Q40" s="44"/>
      <c r="R40" s="43"/>
      <c r="S40" s="46"/>
      <c r="T40" s="47"/>
      <c r="U40" s="44"/>
      <c r="V40" s="43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50"/>
      <c r="B41" s="56"/>
      <c r="C41" s="43"/>
      <c r="D41" s="64"/>
      <c r="E41" s="43"/>
      <c r="F41" s="64"/>
      <c r="G41" s="43"/>
      <c r="H41" s="44"/>
      <c r="I41" s="43"/>
      <c r="J41" s="44"/>
      <c r="K41" s="45"/>
      <c r="L41" s="45"/>
      <c r="M41" s="42"/>
      <c r="N41" s="227" t="s">
        <v>21</v>
      </c>
      <c r="O41" s="224" t="s">
        <v>621</v>
      </c>
      <c r="P41" s="66"/>
      <c r="Q41" s="69"/>
      <c r="R41" s="66"/>
      <c r="S41" s="72"/>
      <c r="T41" s="73"/>
      <c r="U41" s="69"/>
      <c r="V41" s="66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40"/>
      <c r="B42" s="41"/>
      <c r="C42" s="43"/>
      <c r="D42" s="64"/>
      <c r="E42" s="43"/>
      <c r="F42" s="64"/>
      <c r="G42" s="43"/>
      <c r="H42" s="44"/>
      <c r="I42" s="43"/>
      <c r="J42" s="44"/>
      <c r="K42" s="45"/>
      <c r="L42" s="45"/>
      <c r="M42" s="42"/>
      <c r="N42" s="228"/>
      <c r="O42" s="225"/>
      <c r="P42" s="43"/>
      <c r="Q42" s="44" t="s">
        <v>271</v>
      </c>
      <c r="R42" s="43" t="s">
        <v>272</v>
      </c>
      <c r="S42" s="46"/>
      <c r="T42" s="47" t="s">
        <v>272</v>
      </c>
      <c r="U42" s="44" t="s">
        <v>22</v>
      </c>
      <c r="V42" s="43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91"/>
      <c r="D43" s="102"/>
      <c r="E43" s="91"/>
      <c r="F43" s="102"/>
      <c r="G43" s="91"/>
      <c r="H43" s="92"/>
      <c r="I43" s="91"/>
      <c r="J43" s="92"/>
      <c r="K43" s="48"/>
      <c r="L43" s="48"/>
      <c r="M43" s="49"/>
      <c r="N43" s="229"/>
      <c r="O43" s="226"/>
      <c r="P43" s="91"/>
      <c r="Q43" s="92"/>
      <c r="R43" s="91"/>
      <c r="S43" s="93"/>
      <c r="T43" s="94"/>
      <c r="U43" s="92"/>
      <c r="V43" s="91"/>
      <c r="W43" s="92"/>
      <c r="X43" s="95"/>
      <c r="Y43" s="95"/>
      <c r="Z43" s="95"/>
      <c r="AA43" s="95"/>
      <c r="AB43" s="96"/>
      <c r="AC43" s="96"/>
      <c r="AD43" s="96"/>
      <c r="AE43" s="96"/>
      <c r="AF43" s="96"/>
      <c r="AG43" s="96"/>
      <c r="AH43" s="96"/>
      <c r="AI43" s="96"/>
      <c r="AJ43" s="96"/>
      <c r="AK43" s="97"/>
      <c r="AL43" s="97"/>
      <c r="AM43" s="98"/>
    </row>
    <row r="44" spans="1:39" s="59" customFormat="1" ht="9.75" customHeight="1">
      <c r="A44" s="50"/>
      <c r="B44" s="51"/>
      <c r="C44" s="218" t="s">
        <v>31</v>
      </c>
      <c r="D44" s="221" t="s">
        <v>82</v>
      </c>
      <c r="E44" s="66"/>
      <c r="F44" s="67"/>
      <c r="G44" s="66"/>
      <c r="H44" s="69"/>
      <c r="I44" s="66"/>
      <c r="J44" s="69"/>
      <c r="K44" s="70"/>
      <c r="L44" s="70"/>
      <c r="M44" s="71"/>
      <c r="N44" s="71"/>
      <c r="O44" s="68"/>
      <c r="P44" s="66"/>
      <c r="Q44" s="69"/>
      <c r="R44" s="66"/>
      <c r="S44" s="72"/>
      <c r="T44" s="73"/>
      <c r="U44" s="69"/>
      <c r="V44" s="66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50"/>
      <c r="B45" s="51"/>
      <c r="C45" s="219"/>
      <c r="D45" s="222"/>
      <c r="E45" s="43"/>
      <c r="F45" s="64"/>
      <c r="G45" s="43"/>
      <c r="H45" s="44" t="s">
        <v>273</v>
      </c>
      <c r="I45" s="43"/>
      <c r="J45" s="44" t="s">
        <v>22</v>
      </c>
      <c r="K45" s="45" t="s">
        <v>22</v>
      </c>
      <c r="L45" s="45" t="s">
        <v>273</v>
      </c>
      <c r="M45" s="42"/>
      <c r="N45" s="42"/>
      <c r="O45" s="41"/>
      <c r="P45" s="43"/>
      <c r="Q45" s="44"/>
      <c r="R45" s="43" t="s">
        <v>274</v>
      </c>
      <c r="S45" s="46"/>
      <c r="T45" s="47" t="s">
        <v>274</v>
      </c>
      <c r="U45" s="44" t="s">
        <v>22</v>
      </c>
      <c r="V45" s="43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50"/>
      <c r="B46" s="51"/>
      <c r="C46" s="219"/>
      <c r="D46" s="222"/>
      <c r="E46" s="43"/>
      <c r="F46" s="64"/>
      <c r="G46" s="43"/>
      <c r="H46" s="44"/>
      <c r="I46" s="43"/>
      <c r="J46" s="44"/>
      <c r="K46" s="45"/>
      <c r="L46" s="45"/>
      <c r="M46" s="42"/>
      <c r="N46" s="42"/>
      <c r="O46" s="41"/>
      <c r="P46" s="43"/>
      <c r="Q46" s="44"/>
      <c r="R46" s="43"/>
      <c r="S46" s="46"/>
      <c r="T46" s="47"/>
      <c r="U46" s="44"/>
      <c r="V46" s="43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50"/>
      <c r="B47" s="56"/>
      <c r="C47" s="43"/>
      <c r="D47" s="64"/>
      <c r="E47" s="218" t="s">
        <v>21</v>
      </c>
      <c r="F47" s="221" t="s">
        <v>83</v>
      </c>
      <c r="G47" s="66"/>
      <c r="H47" s="69"/>
      <c r="I47" s="66"/>
      <c r="J47" s="69"/>
      <c r="K47" s="70"/>
      <c r="L47" s="70"/>
      <c r="M47" s="71"/>
      <c r="N47" s="71"/>
      <c r="O47" s="67"/>
      <c r="P47" s="66"/>
      <c r="Q47" s="69"/>
      <c r="R47" s="66"/>
      <c r="S47" s="72"/>
      <c r="T47" s="73"/>
      <c r="U47" s="69"/>
      <c r="V47" s="66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43"/>
      <c r="D48" s="64"/>
      <c r="E48" s="219"/>
      <c r="F48" s="222"/>
      <c r="G48" s="43"/>
      <c r="H48" s="44" t="s">
        <v>275</v>
      </c>
      <c r="I48" s="43"/>
      <c r="J48" s="44" t="s">
        <v>22</v>
      </c>
      <c r="K48" s="45" t="s">
        <v>22</v>
      </c>
      <c r="L48" s="45" t="s">
        <v>275</v>
      </c>
      <c r="M48" s="42"/>
      <c r="N48" s="42"/>
      <c r="O48" s="64"/>
      <c r="P48" s="43"/>
      <c r="Q48" s="44"/>
      <c r="R48" s="43" t="s">
        <v>276</v>
      </c>
      <c r="S48" s="46"/>
      <c r="T48" s="47" t="s">
        <v>276</v>
      </c>
      <c r="U48" s="44" t="s">
        <v>22</v>
      </c>
      <c r="V48" s="43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43"/>
      <c r="D49" s="64"/>
      <c r="E49" s="220"/>
      <c r="F49" s="223"/>
      <c r="G49" s="43"/>
      <c r="H49" s="44"/>
      <c r="I49" s="43"/>
      <c r="J49" s="44"/>
      <c r="K49" s="45"/>
      <c r="L49" s="45"/>
      <c r="M49" s="42"/>
      <c r="N49" s="42"/>
      <c r="O49" s="64"/>
      <c r="P49" s="43"/>
      <c r="Q49" s="44"/>
      <c r="R49" s="43"/>
      <c r="S49" s="46"/>
      <c r="T49" s="47"/>
      <c r="U49" s="44"/>
      <c r="V49" s="43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50"/>
      <c r="B50" s="51"/>
      <c r="C50" s="43"/>
      <c r="D50" s="64"/>
      <c r="E50" s="218" t="s">
        <v>25</v>
      </c>
      <c r="F50" s="221" t="s">
        <v>92</v>
      </c>
      <c r="G50" s="66"/>
      <c r="H50" s="69"/>
      <c r="I50" s="66"/>
      <c r="J50" s="69"/>
      <c r="K50" s="70"/>
      <c r="L50" s="70"/>
      <c r="M50" s="71"/>
      <c r="N50" s="71"/>
      <c r="O50" s="68"/>
      <c r="P50" s="66"/>
      <c r="Q50" s="69"/>
      <c r="R50" s="66"/>
      <c r="S50" s="72"/>
      <c r="T50" s="73"/>
      <c r="U50" s="69"/>
      <c r="V50" s="66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50"/>
      <c r="B51" s="51"/>
      <c r="C51" s="43"/>
      <c r="D51" s="64"/>
      <c r="E51" s="219"/>
      <c r="F51" s="222"/>
      <c r="G51" s="43"/>
      <c r="H51" s="44" t="s">
        <v>277</v>
      </c>
      <c r="I51" s="43"/>
      <c r="J51" s="44" t="s">
        <v>22</v>
      </c>
      <c r="K51" s="45" t="s">
        <v>22</v>
      </c>
      <c r="L51" s="45" t="s">
        <v>277</v>
      </c>
      <c r="M51" s="42"/>
      <c r="N51" s="42"/>
      <c r="O51" s="41"/>
      <c r="P51" s="43"/>
      <c r="Q51" s="44"/>
      <c r="R51" s="43" t="s">
        <v>278</v>
      </c>
      <c r="S51" s="46"/>
      <c r="T51" s="47" t="s">
        <v>278</v>
      </c>
      <c r="U51" s="44" t="s">
        <v>22</v>
      </c>
      <c r="V51" s="43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50"/>
      <c r="B52" s="51"/>
      <c r="C52" s="43"/>
      <c r="D52" s="64"/>
      <c r="E52" s="220"/>
      <c r="F52" s="223"/>
      <c r="G52" s="43"/>
      <c r="H52" s="44"/>
      <c r="I52" s="43"/>
      <c r="J52" s="44"/>
      <c r="K52" s="45"/>
      <c r="L52" s="45"/>
      <c r="M52" s="42"/>
      <c r="N52" s="42"/>
      <c r="O52" s="41"/>
      <c r="P52" s="43"/>
      <c r="Q52" s="44"/>
      <c r="R52" s="43"/>
      <c r="S52" s="46"/>
      <c r="T52" s="47"/>
      <c r="U52" s="44"/>
      <c r="V52" s="43"/>
      <c r="W52" s="44"/>
      <c r="X52" s="33"/>
      <c r="Y52" s="33"/>
      <c r="Z52" s="33"/>
      <c r="AA52" s="33"/>
      <c r="AB52" s="34"/>
      <c r="AC52" s="34"/>
      <c r="AD52" s="34"/>
      <c r="AE52" s="34"/>
      <c r="AF52" s="34"/>
      <c r="AG52" s="34"/>
      <c r="AH52" s="34"/>
      <c r="AI52" s="34"/>
      <c r="AJ52" s="34"/>
      <c r="AK52" s="35"/>
      <c r="AL52" s="35"/>
      <c r="AM52" s="36"/>
    </row>
    <row r="53" spans="1:39" s="59" customFormat="1" ht="9.75" customHeight="1">
      <c r="A53" s="50"/>
      <c r="B53" s="51"/>
      <c r="C53" s="43"/>
      <c r="D53" s="64"/>
      <c r="E53" s="218" t="s">
        <v>26</v>
      </c>
      <c r="F53" s="221" t="s">
        <v>99</v>
      </c>
      <c r="G53" s="66"/>
      <c r="H53" s="69"/>
      <c r="I53" s="66"/>
      <c r="J53" s="69"/>
      <c r="K53" s="70"/>
      <c r="L53" s="70"/>
      <c r="M53" s="71"/>
      <c r="N53" s="71"/>
      <c r="O53" s="68"/>
      <c r="P53" s="66"/>
      <c r="Q53" s="69"/>
      <c r="R53" s="66"/>
      <c r="S53" s="72"/>
      <c r="T53" s="73"/>
      <c r="U53" s="69"/>
      <c r="V53" s="66"/>
      <c r="W53" s="69"/>
      <c r="X53" s="74" t="s">
        <v>1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/>
    </row>
    <row r="54" spans="1:39" s="59" customFormat="1" ht="9.75" customHeight="1">
      <c r="A54" s="50"/>
      <c r="B54" s="51"/>
      <c r="C54" s="43"/>
      <c r="D54" s="64"/>
      <c r="E54" s="219"/>
      <c r="F54" s="222"/>
      <c r="G54" s="43"/>
      <c r="H54" s="44" t="s">
        <v>22</v>
      </c>
      <c r="I54" s="43"/>
      <c r="J54" s="44" t="s">
        <v>22</v>
      </c>
      <c r="K54" s="45" t="s">
        <v>22</v>
      </c>
      <c r="L54" s="45" t="s">
        <v>22</v>
      </c>
      <c r="M54" s="42"/>
      <c r="N54" s="42"/>
      <c r="O54" s="41"/>
      <c r="P54" s="43"/>
      <c r="Q54" s="44"/>
      <c r="R54" s="43" t="s">
        <v>279</v>
      </c>
      <c r="S54" s="46"/>
      <c r="T54" s="47" t="s">
        <v>279</v>
      </c>
      <c r="U54" s="44" t="s">
        <v>22</v>
      </c>
      <c r="V54" s="43"/>
      <c r="W54" s="44" t="s">
        <v>22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50"/>
      <c r="B55" s="51"/>
      <c r="C55" s="91"/>
      <c r="D55" s="102"/>
      <c r="E55" s="220"/>
      <c r="F55" s="223"/>
      <c r="G55" s="91"/>
      <c r="H55" s="92"/>
      <c r="I55" s="91"/>
      <c r="J55" s="92"/>
      <c r="K55" s="48"/>
      <c r="L55" s="48"/>
      <c r="M55" s="49"/>
      <c r="N55" s="49"/>
      <c r="O55" s="90"/>
      <c r="P55" s="91"/>
      <c r="Q55" s="92"/>
      <c r="R55" s="91"/>
      <c r="S55" s="93"/>
      <c r="T55" s="94"/>
      <c r="U55" s="92"/>
      <c r="V55" s="91"/>
      <c r="W55" s="92"/>
      <c r="X55" s="95"/>
      <c r="Y55" s="95"/>
      <c r="Z55" s="95"/>
      <c r="AA55" s="95"/>
      <c r="AB55" s="96"/>
      <c r="AC55" s="96"/>
      <c r="AD55" s="96"/>
      <c r="AE55" s="96"/>
      <c r="AF55" s="96"/>
      <c r="AG55" s="96"/>
      <c r="AH55" s="96"/>
      <c r="AI55" s="96"/>
      <c r="AJ55" s="96"/>
      <c r="AK55" s="97"/>
      <c r="AL55" s="97"/>
      <c r="AM55" s="98"/>
    </row>
    <row r="56" spans="1:39" s="59" customFormat="1" ht="9.75" customHeight="1">
      <c r="A56" s="50"/>
      <c r="B56" s="51"/>
      <c r="C56" s="218" t="s">
        <v>32</v>
      </c>
      <c r="D56" s="221" t="s">
        <v>80</v>
      </c>
      <c r="E56" s="66"/>
      <c r="F56" s="67"/>
      <c r="G56" s="66"/>
      <c r="H56" s="69"/>
      <c r="I56" s="66"/>
      <c r="J56" s="69"/>
      <c r="K56" s="70"/>
      <c r="L56" s="70"/>
      <c r="M56" s="71"/>
      <c r="N56" s="71"/>
      <c r="O56" s="68"/>
      <c r="P56" s="66"/>
      <c r="Q56" s="69"/>
      <c r="R56" s="66"/>
      <c r="S56" s="72"/>
      <c r="T56" s="73"/>
      <c r="U56" s="69"/>
      <c r="V56" s="66"/>
      <c r="W56" s="69"/>
      <c r="X56" s="74" t="s">
        <v>42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 t="s">
        <v>251</v>
      </c>
    </row>
    <row r="57" spans="1:39" s="59" customFormat="1" ht="9.75" customHeight="1">
      <c r="A57" s="50"/>
      <c r="B57" s="51"/>
      <c r="C57" s="219"/>
      <c r="D57" s="222"/>
      <c r="E57" s="43"/>
      <c r="F57" s="64"/>
      <c r="G57" s="43"/>
      <c r="H57" s="44" t="s">
        <v>22</v>
      </c>
      <c r="I57" s="43"/>
      <c r="J57" s="44" t="s">
        <v>280</v>
      </c>
      <c r="K57" s="45" t="s">
        <v>254</v>
      </c>
      <c r="L57" s="45" t="s">
        <v>281</v>
      </c>
      <c r="M57" s="42"/>
      <c r="N57" s="42"/>
      <c r="O57" s="41"/>
      <c r="P57" s="43"/>
      <c r="Q57" s="44"/>
      <c r="R57" s="43" t="s">
        <v>282</v>
      </c>
      <c r="S57" s="46"/>
      <c r="T57" s="47" t="s">
        <v>282</v>
      </c>
      <c r="U57" s="44" t="s">
        <v>22</v>
      </c>
      <c r="V57" s="43"/>
      <c r="W57" s="44" t="s">
        <v>22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50"/>
      <c r="B58" s="51"/>
      <c r="C58" s="219"/>
      <c r="D58" s="222"/>
      <c r="E58" s="43"/>
      <c r="F58" s="64"/>
      <c r="G58" s="43"/>
      <c r="H58" s="44"/>
      <c r="I58" s="43"/>
      <c r="J58" s="44"/>
      <c r="K58" s="45"/>
      <c r="L58" s="45"/>
      <c r="M58" s="42"/>
      <c r="N58" s="42"/>
      <c r="O58" s="41"/>
      <c r="P58" s="43"/>
      <c r="Q58" s="44"/>
      <c r="R58" s="43"/>
      <c r="S58" s="46"/>
      <c r="T58" s="47"/>
      <c r="U58" s="44"/>
      <c r="V58" s="43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50"/>
      <c r="B59" s="56"/>
      <c r="C59" s="43"/>
      <c r="D59" s="64"/>
      <c r="E59" s="218" t="s">
        <v>21</v>
      </c>
      <c r="F59" s="221" t="s">
        <v>80</v>
      </c>
      <c r="G59" s="66"/>
      <c r="H59" s="69"/>
      <c r="I59" s="66"/>
      <c r="J59" s="69"/>
      <c r="K59" s="70"/>
      <c r="L59" s="70"/>
      <c r="M59" s="71"/>
      <c r="N59" s="71"/>
      <c r="O59" s="67"/>
      <c r="P59" s="66"/>
      <c r="Q59" s="69"/>
      <c r="R59" s="66"/>
      <c r="S59" s="72"/>
      <c r="T59" s="73"/>
      <c r="U59" s="69"/>
      <c r="V59" s="66"/>
      <c r="W59" s="69"/>
      <c r="X59" s="74" t="s">
        <v>42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 t="s">
        <v>251</v>
      </c>
    </row>
    <row r="60" spans="1:39" s="59" customFormat="1" ht="9.75" customHeight="1">
      <c r="A60" s="40"/>
      <c r="B60" s="41"/>
      <c r="C60" s="43"/>
      <c r="D60" s="64"/>
      <c r="E60" s="219"/>
      <c r="F60" s="222"/>
      <c r="G60" s="43"/>
      <c r="H60" s="44" t="s">
        <v>22</v>
      </c>
      <c r="I60" s="43"/>
      <c r="J60" s="44" t="s">
        <v>280</v>
      </c>
      <c r="K60" s="45" t="s">
        <v>254</v>
      </c>
      <c r="L60" s="45" t="s">
        <v>281</v>
      </c>
      <c r="M60" s="42"/>
      <c r="N60" s="42"/>
      <c r="O60" s="64"/>
      <c r="P60" s="43"/>
      <c r="Q60" s="44"/>
      <c r="R60" s="43" t="s">
        <v>282</v>
      </c>
      <c r="S60" s="46"/>
      <c r="T60" s="47" t="s">
        <v>282</v>
      </c>
      <c r="U60" s="44" t="s">
        <v>22</v>
      </c>
      <c r="V60" s="43"/>
      <c r="W60" s="44" t="s">
        <v>22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89"/>
      <c r="B61" s="90"/>
      <c r="C61" s="91"/>
      <c r="D61" s="102"/>
      <c r="E61" s="220"/>
      <c r="F61" s="223"/>
      <c r="G61" s="91"/>
      <c r="H61" s="92"/>
      <c r="I61" s="91"/>
      <c r="J61" s="92"/>
      <c r="K61" s="48"/>
      <c r="L61" s="48"/>
      <c r="M61" s="49"/>
      <c r="N61" s="49"/>
      <c r="O61" s="102"/>
      <c r="P61" s="91"/>
      <c r="Q61" s="92"/>
      <c r="R61" s="91"/>
      <c r="S61" s="93"/>
      <c r="T61" s="94"/>
      <c r="U61" s="92"/>
      <c r="V61" s="91"/>
      <c r="W61" s="92"/>
      <c r="X61" s="95"/>
      <c r="Y61" s="95"/>
      <c r="Z61" s="95"/>
      <c r="AA61" s="95"/>
      <c r="AB61" s="96"/>
      <c r="AC61" s="96"/>
      <c r="AD61" s="96"/>
      <c r="AE61" s="96"/>
      <c r="AF61" s="96"/>
      <c r="AG61" s="96"/>
      <c r="AH61" s="96"/>
      <c r="AI61" s="96"/>
      <c r="AJ61" s="96"/>
      <c r="AK61" s="97"/>
      <c r="AL61" s="97"/>
      <c r="AM61" s="98"/>
    </row>
    <row r="62" spans="1:39" s="59" customFormat="1" ht="9.75" customHeight="1">
      <c r="A62" s="76"/>
      <c r="B62" s="115"/>
      <c r="C62" s="115"/>
      <c r="D62" s="115"/>
      <c r="E62" s="115"/>
      <c r="F62" s="115"/>
      <c r="G62" s="103"/>
      <c r="H62" s="104"/>
      <c r="I62" s="103"/>
      <c r="J62" s="104"/>
      <c r="K62" s="105"/>
      <c r="L62" s="105"/>
      <c r="M62" s="106"/>
      <c r="N62" s="106"/>
      <c r="O62" s="65"/>
      <c r="P62" s="103"/>
      <c r="Q62" s="104"/>
      <c r="R62" s="103"/>
      <c r="S62" s="107"/>
      <c r="T62" s="108"/>
      <c r="U62" s="104"/>
      <c r="V62" s="103"/>
      <c r="W62" s="104"/>
      <c r="X62" s="109" t="s">
        <v>42</v>
      </c>
      <c r="Y62" s="109"/>
      <c r="Z62" s="109"/>
      <c r="AA62" s="109"/>
      <c r="AB62" s="110"/>
      <c r="AC62" s="110"/>
      <c r="AD62" s="110"/>
      <c r="AE62" s="110"/>
      <c r="AF62" s="110"/>
      <c r="AG62" s="110"/>
      <c r="AH62" s="110"/>
      <c r="AI62" s="110"/>
      <c r="AJ62" s="110"/>
      <c r="AK62" s="111"/>
      <c r="AL62" s="111"/>
      <c r="AM62" s="112" t="s">
        <v>251</v>
      </c>
    </row>
    <row r="63" spans="1:39" s="59" customFormat="1" ht="9.75" customHeight="1">
      <c r="A63" s="248" t="s">
        <v>19</v>
      </c>
      <c r="B63" s="249"/>
      <c r="C63" s="250"/>
      <c r="D63" s="250"/>
      <c r="E63" s="250"/>
      <c r="F63" s="236"/>
      <c r="G63" s="52"/>
      <c r="H63" s="53" t="s">
        <v>252</v>
      </c>
      <c r="I63" s="52" t="s">
        <v>23</v>
      </c>
      <c r="J63" s="53" t="s">
        <v>253</v>
      </c>
      <c r="K63" s="54" t="s">
        <v>254</v>
      </c>
      <c r="L63" s="54" t="s">
        <v>255</v>
      </c>
      <c r="M63" s="55"/>
      <c r="N63" s="55"/>
      <c r="O63" s="56"/>
      <c r="P63" s="52"/>
      <c r="Q63" s="53"/>
      <c r="R63" s="52" t="s">
        <v>256</v>
      </c>
      <c r="S63" s="57"/>
      <c r="T63" s="58" t="s">
        <v>256</v>
      </c>
      <c r="U63" s="53" t="s">
        <v>22</v>
      </c>
      <c r="V63" s="52"/>
      <c r="W63" s="53" t="s">
        <v>22</v>
      </c>
      <c r="X63" s="60" t="s">
        <v>640</v>
      </c>
      <c r="Y63" s="60"/>
      <c r="Z63" s="60"/>
      <c r="AA63" s="60"/>
      <c r="AB63" s="61"/>
      <c r="AC63" s="61"/>
      <c r="AD63" s="61"/>
      <c r="AE63" s="61"/>
      <c r="AF63" s="61"/>
      <c r="AG63" s="61"/>
      <c r="AH63" s="61"/>
      <c r="AI63" s="61"/>
      <c r="AJ63" s="61"/>
      <c r="AK63" s="62"/>
      <c r="AL63" s="62"/>
      <c r="AM63" s="63" t="s">
        <v>251</v>
      </c>
    </row>
    <row r="64" spans="1:39" s="59" customFormat="1" ht="9.75" customHeight="1">
      <c r="A64" s="77"/>
      <c r="B64" s="116"/>
      <c r="C64" s="116"/>
      <c r="D64" s="116"/>
      <c r="E64" s="116"/>
      <c r="F64" s="116"/>
      <c r="G64" s="79"/>
      <c r="H64" s="80"/>
      <c r="I64" s="79"/>
      <c r="J64" s="80"/>
      <c r="K64" s="81"/>
      <c r="L64" s="81"/>
      <c r="M64" s="82"/>
      <c r="N64" s="82"/>
      <c r="O64" s="78"/>
      <c r="P64" s="79"/>
      <c r="Q64" s="80"/>
      <c r="R64" s="79"/>
      <c r="S64" s="83"/>
      <c r="T64" s="84"/>
      <c r="U64" s="80"/>
      <c r="V64" s="79"/>
      <c r="W64" s="80"/>
      <c r="X64" s="117" t="s">
        <v>641</v>
      </c>
      <c r="Y64" s="117"/>
      <c r="Z64" s="117"/>
      <c r="AA64" s="117"/>
      <c r="AB64" s="118"/>
      <c r="AC64" s="118"/>
      <c r="AD64" s="118"/>
      <c r="AE64" s="118"/>
      <c r="AF64" s="118"/>
      <c r="AG64" s="118"/>
      <c r="AH64" s="118"/>
      <c r="AI64" s="118"/>
      <c r="AJ64" s="118"/>
      <c r="AK64" s="119"/>
      <c r="AL64" s="119"/>
      <c r="AM64" s="120" t="s">
        <v>251</v>
      </c>
    </row>
    <row r="65" spans="1:39" ht="9.75" customHeight="1">
      <c r="A65" s="134"/>
      <c r="B65" s="135"/>
      <c r="C65" s="135"/>
      <c r="D65" s="135"/>
      <c r="E65" s="135"/>
      <c r="F65" s="135"/>
      <c r="G65" s="135"/>
      <c r="H65" s="135"/>
      <c r="I65" s="135"/>
      <c r="J65" s="135"/>
      <c r="K65" s="135"/>
      <c r="L65" s="135"/>
      <c r="M65" s="135"/>
      <c r="N65" s="135"/>
      <c r="O65" s="135"/>
      <c r="P65" s="135"/>
      <c r="Q65" s="135"/>
      <c r="R65" s="135"/>
      <c r="S65" s="135"/>
      <c r="T65" s="135"/>
      <c r="U65" s="135"/>
      <c r="V65" s="135"/>
      <c r="W65" s="135"/>
      <c r="X65" s="136"/>
      <c r="Y65" s="136"/>
      <c r="Z65" s="136"/>
      <c r="AA65" s="136"/>
      <c r="AB65" s="136"/>
      <c r="AC65" s="136"/>
      <c r="AD65" s="136"/>
      <c r="AE65" s="136"/>
      <c r="AF65" s="136"/>
      <c r="AG65" s="136"/>
      <c r="AH65" s="136"/>
      <c r="AI65" s="136"/>
      <c r="AJ65" s="136"/>
      <c r="AK65" s="136"/>
      <c r="AL65" s="136"/>
      <c r="AM65" s="137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53">
    <mergeCell ref="A63:F63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2:D3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2:C34"/>
    <mergeCell ref="D44:D46"/>
    <mergeCell ref="C44:C46"/>
    <mergeCell ref="D56:D58"/>
    <mergeCell ref="C56:C58"/>
    <mergeCell ref="F17:F19"/>
    <mergeCell ref="E17:E19"/>
    <mergeCell ref="F26:F28"/>
    <mergeCell ref="E26:E28"/>
    <mergeCell ref="F35:F37"/>
    <mergeCell ref="E35:E37"/>
    <mergeCell ref="F53:F55"/>
    <mergeCell ref="E53:E55"/>
    <mergeCell ref="F59:F61"/>
    <mergeCell ref="E59:E61"/>
    <mergeCell ref="O20:O22"/>
    <mergeCell ref="N20:N22"/>
    <mergeCell ref="O29:O31"/>
    <mergeCell ref="N29:N31"/>
    <mergeCell ref="O41:O43"/>
    <mergeCell ref="N41:N43"/>
    <mergeCell ref="F38:F40"/>
    <mergeCell ref="E38:E40"/>
    <mergeCell ref="F47:F49"/>
    <mergeCell ref="E47:E49"/>
    <mergeCell ref="F50:F52"/>
    <mergeCell ref="E50:E52"/>
  </mergeCells>
  <phoneticPr fontId="1"/>
  <pageMargins left="0.43307086614173229" right="0.39370078740157483" top="0.19685039370078741" bottom="0" header="0.19685039370078741" footer="0.19685039370078741"/>
  <pageSetup paperSize="9" firstPageNumber="254" pageOrder="overThenDown" orientation="portrait" useFirstPageNumber="1" r:id="rId1"/>
  <headerFooter>
    <oddFooter>&amp;C- &amp;P -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256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860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301" t="s">
        <v>1029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66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5"/>
      <c r="C11" s="52"/>
      <c r="D11" s="206"/>
      <c r="E11" s="52"/>
      <c r="F11" s="171"/>
      <c r="G11" s="52"/>
      <c r="H11" s="53" t="s">
        <v>252</v>
      </c>
      <c r="I11" s="52" t="s">
        <v>23</v>
      </c>
      <c r="J11" s="53" t="s">
        <v>253</v>
      </c>
      <c r="K11" s="183" t="s">
        <v>254</v>
      </c>
      <c r="L11" s="52"/>
      <c r="M11" s="205" t="s">
        <v>22</v>
      </c>
      <c r="N11" s="54" t="s">
        <v>255</v>
      </c>
      <c r="O11" s="55"/>
      <c r="P11" s="228"/>
      <c r="Q11" s="294"/>
      <c r="R11" s="52"/>
      <c r="S11" s="55"/>
      <c r="T11" s="204" t="s">
        <v>842</v>
      </c>
      <c r="U11" s="55"/>
      <c r="V11" s="53" t="s">
        <v>22</v>
      </c>
      <c r="W11" s="54" t="s">
        <v>841</v>
      </c>
      <c r="X11" s="54" t="s">
        <v>22</v>
      </c>
      <c r="Y11" s="54" t="s">
        <v>840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 t="s">
        <v>839</v>
      </c>
    </row>
    <row r="12" spans="1:46" s="59" customFormat="1" ht="9.75" customHeight="1">
      <c r="A12" s="272"/>
      <c r="B12" s="225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30" t="s">
        <v>1028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66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027</v>
      </c>
      <c r="I14" s="169" t="s">
        <v>23</v>
      </c>
      <c r="J14" s="44" t="s">
        <v>1026</v>
      </c>
      <c r="K14" s="192" t="s">
        <v>254</v>
      </c>
      <c r="L14" s="169"/>
      <c r="M14" s="191" t="s">
        <v>22</v>
      </c>
      <c r="N14" s="45" t="s">
        <v>1025</v>
      </c>
      <c r="O14" s="168"/>
      <c r="P14" s="168"/>
      <c r="Q14" s="170"/>
      <c r="R14" s="169"/>
      <c r="S14" s="168"/>
      <c r="T14" s="190" t="s">
        <v>1024</v>
      </c>
      <c r="U14" s="168"/>
      <c r="V14" s="44" t="s">
        <v>22</v>
      </c>
      <c r="W14" s="45" t="s">
        <v>841</v>
      </c>
      <c r="X14" s="45" t="s">
        <v>22</v>
      </c>
      <c r="Y14" s="45" t="s">
        <v>840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 t="s">
        <v>839</v>
      </c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1023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1022</v>
      </c>
      <c r="I17" s="169" t="s">
        <v>23</v>
      </c>
      <c r="J17" s="44" t="s">
        <v>1021</v>
      </c>
      <c r="K17" s="192" t="s">
        <v>1020</v>
      </c>
      <c r="L17" s="169"/>
      <c r="M17" s="191" t="s">
        <v>22</v>
      </c>
      <c r="N17" s="45" t="s">
        <v>1019</v>
      </c>
      <c r="O17" s="168"/>
      <c r="P17" s="168"/>
      <c r="Q17" s="170"/>
      <c r="R17" s="169"/>
      <c r="S17" s="168"/>
      <c r="T17" s="190" t="s">
        <v>1018</v>
      </c>
      <c r="U17" s="168"/>
      <c r="V17" s="44" t="s">
        <v>22</v>
      </c>
      <c r="W17" s="45" t="s">
        <v>841</v>
      </c>
      <c r="X17" s="45" t="s">
        <v>22</v>
      </c>
      <c r="Y17" s="45" t="s">
        <v>1017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0</v>
      </c>
      <c r="Q19" s="230" t="s">
        <v>679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019</v>
      </c>
      <c r="T20" s="190" t="s">
        <v>1018</v>
      </c>
      <c r="U20" s="168"/>
      <c r="V20" s="44" t="s">
        <v>22</v>
      </c>
      <c r="W20" s="45" t="s">
        <v>841</v>
      </c>
      <c r="X20" s="45" t="s">
        <v>22</v>
      </c>
      <c r="Y20" s="45" t="s">
        <v>1017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3"/>
      <c r="C22" s="169"/>
      <c r="D22" s="170"/>
      <c r="E22" s="218" t="s">
        <v>25</v>
      </c>
      <c r="F22" s="230" t="s">
        <v>1016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169"/>
      <c r="D23" s="193"/>
      <c r="E23" s="219"/>
      <c r="F23" s="222"/>
      <c r="G23" s="169"/>
      <c r="H23" s="44" t="s">
        <v>1015</v>
      </c>
      <c r="I23" s="169" t="s">
        <v>23</v>
      </c>
      <c r="J23" s="44" t="s">
        <v>1014</v>
      </c>
      <c r="K23" s="192" t="s">
        <v>22</v>
      </c>
      <c r="L23" s="169"/>
      <c r="M23" s="191" t="s">
        <v>22</v>
      </c>
      <c r="N23" s="45" t="s">
        <v>1013</v>
      </c>
      <c r="O23" s="168"/>
      <c r="P23" s="168"/>
      <c r="Q23" s="41"/>
      <c r="R23" s="169"/>
      <c r="S23" s="168"/>
      <c r="T23" s="190" t="s">
        <v>1012</v>
      </c>
      <c r="U23" s="168"/>
      <c r="V23" s="44" t="s">
        <v>22</v>
      </c>
      <c r="W23" s="45" t="s">
        <v>22</v>
      </c>
      <c r="X23" s="45" t="s">
        <v>22</v>
      </c>
      <c r="Y23" s="45" t="s">
        <v>1011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169"/>
      <c r="D24" s="193"/>
      <c r="E24" s="219"/>
      <c r="F24" s="222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3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21</v>
      </c>
      <c r="Q25" s="221" t="s">
        <v>938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1010</v>
      </c>
      <c r="T26" s="190" t="s">
        <v>1009</v>
      </c>
      <c r="U26" s="168"/>
      <c r="V26" s="44" t="s">
        <v>22</v>
      </c>
      <c r="W26" s="45" t="s">
        <v>22</v>
      </c>
      <c r="X26" s="45" t="s">
        <v>22</v>
      </c>
      <c r="Y26" s="45" t="s">
        <v>1008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169"/>
      <c r="F27" s="170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1</v>
      </c>
      <c r="Q28" s="221" t="s">
        <v>900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007</v>
      </c>
      <c r="T29" s="190" t="s">
        <v>1006</v>
      </c>
      <c r="U29" s="168"/>
      <c r="V29" s="44" t="s">
        <v>22</v>
      </c>
      <c r="W29" s="45" t="s">
        <v>22</v>
      </c>
      <c r="X29" s="45" t="s">
        <v>22</v>
      </c>
      <c r="Y29" s="45" t="s">
        <v>1005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5</v>
      </c>
      <c r="Q31" s="221" t="s">
        <v>788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1004</v>
      </c>
      <c r="T32" s="190" t="s">
        <v>1003</v>
      </c>
      <c r="U32" s="168"/>
      <c r="V32" s="44" t="s">
        <v>22</v>
      </c>
      <c r="W32" s="45" t="s">
        <v>22</v>
      </c>
      <c r="X32" s="45" t="s">
        <v>22</v>
      </c>
      <c r="Y32" s="45" t="s">
        <v>1002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6</v>
      </c>
      <c r="Q34" s="221" t="s">
        <v>833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001</v>
      </c>
      <c r="T35" s="190" t="s">
        <v>1000</v>
      </c>
      <c r="U35" s="168"/>
      <c r="V35" s="44" t="s">
        <v>22</v>
      </c>
      <c r="W35" s="45" t="s">
        <v>22</v>
      </c>
      <c r="X35" s="45" t="s">
        <v>22</v>
      </c>
      <c r="Y35" s="45" t="s">
        <v>999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37</v>
      </c>
      <c r="Q37" s="221" t="s">
        <v>786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998</v>
      </c>
      <c r="T38" s="190" t="s">
        <v>997</v>
      </c>
      <c r="U38" s="168"/>
      <c r="V38" s="44" t="s">
        <v>22</v>
      </c>
      <c r="W38" s="45" t="s">
        <v>22</v>
      </c>
      <c r="X38" s="45" t="s">
        <v>22</v>
      </c>
      <c r="Y38" s="45" t="s">
        <v>996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39</v>
      </c>
      <c r="Q40" s="221" t="s">
        <v>704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995</v>
      </c>
      <c r="T41" s="190" t="s">
        <v>994</v>
      </c>
      <c r="U41" s="168"/>
      <c r="V41" s="44" t="s">
        <v>22</v>
      </c>
      <c r="W41" s="45" t="s">
        <v>22</v>
      </c>
      <c r="X41" s="45" t="s">
        <v>22</v>
      </c>
      <c r="Y41" s="45" t="s">
        <v>993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4"/>
      <c r="E42" s="169"/>
      <c r="F42" s="41"/>
      <c r="G42" s="169"/>
      <c r="H42" s="44"/>
      <c r="I42" s="169"/>
      <c r="J42" s="44"/>
      <c r="K42" s="192"/>
      <c r="L42" s="169"/>
      <c r="M42" s="191"/>
      <c r="N42" s="45"/>
      <c r="O42" s="168"/>
      <c r="P42" s="229"/>
      <c r="Q42" s="223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41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40</v>
      </c>
      <c r="Q43" s="221" t="s">
        <v>700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41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992</v>
      </c>
      <c r="T44" s="190" t="s">
        <v>991</v>
      </c>
      <c r="U44" s="168"/>
      <c r="V44" s="44" t="s">
        <v>22</v>
      </c>
      <c r="W44" s="45" t="s">
        <v>22</v>
      </c>
      <c r="X44" s="45" t="s">
        <v>22</v>
      </c>
      <c r="Y44" s="45" t="s">
        <v>990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4"/>
      <c r="E45" s="169"/>
      <c r="F45" s="41"/>
      <c r="G45" s="169"/>
      <c r="H45" s="44"/>
      <c r="I45" s="169"/>
      <c r="J45" s="44"/>
      <c r="K45" s="192"/>
      <c r="L45" s="169"/>
      <c r="M45" s="191"/>
      <c r="N45" s="45"/>
      <c r="O45" s="168"/>
      <c r="P45" s="229"/>
      <c r="Q45" s="223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41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79</v>
      </c>
      <c r="Q46" s="221" t="s">
        <v>699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41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989</v>
      </c>
      <c r="T47" s="190" t="s">
        <v>988</v>
      </c>
      <c r="U47" s="168"/>
      <c r="V47" s="44" t="s">
        <v>22</v>
      </c>
      <c r="W47" s="45" t="s">
        <v>22</v>
      </c>
      <c r="X47" s="45" t="s">
        <v>22</v>
      </c>
      <c r="Y47" s="45" t="s">
        <v>987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41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41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100</v>
      </c>
      <c r="Q49" s="230" t="s">
        <v>695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41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986</v>
      </c>
      <c r="T50" s="190" t="s">
        <v>985</v>
      </c>
      <c r="U50" s="168"/>
      <c r="V50" s="44" t="s">
        <v>22</v>
      </c>
      <c r="W50" s="45" t="s">
        <v>22</v>
      </c>
      <c r="X50" s="45" t="s">
        <v>22</v>
      </c>
      <c r="Y50" s="45" t="s">
        <v>984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4"/>
      <c r="E51" s="169"/>
      <c r="F51" s="41"/>
      <c r="G51" s="169"/>
      <c r="H51" s="44"/>
      <c r="I51" s="169"/>
      <c r="J51" s="44"/>
      <c r="K51" s="192"/>
      <c r="L51" s="169"/>
      <c r="M51" s="191"/>
      <c r="N51" s="45"/>
      <c r="O51" s="168"/>
      <c r="P51" s="229"/>
      <c r="Q51" s="223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94"/>
      <c r="E52" s="169"/>
      <c r="F52" s="41"/>
      <c r="G52" s="169"/>
      <c r="H52" s="44"/>
      <c r="I52" s="169"/>
      <c r="J52" s="44"/>
      <c r="K52" s="192"/>
      <c r="L52" s="169"/>
      <c r="M52" s="191"/>
      <c r="N52" s="45"/>
      <c r="O52" s="168"/>
      <c r="P52" s="227" t="s">
        <v>875</v>
      </c>
      <c r="Q52" s="221" t="s">
        <v>874</v>
      </c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4"/>
      <c r="E53" s="169"/>
      <c r="F53" s="41"/>
      <c r="G53" s="169"/>
      <c r="H53" s="44"/>
      <c r="I53" s="169"/>
      <c r="J53" s="44"/>
      <c r="K53" s="192"/>
      <c r="L53" s="169"/>
      <c r="M53" s="191"/>
      <c r="N53" s="45"/>
      <c r="O53" s="168"/>
      <c r="P53" s="228"/>
      <c r="Q53" s="222"/>
      <c r="R53" s="169"/>
      <c r="S53" s="168" t="s">
        <v>62</v>
      </c>
      <c r="T53" s="190" t="s">
        <v>983</v>
      </c>
      <c r="U53" s="168"/>
      <c r="V53" s="44" t="s">
        <v>22</v>
      </c>
      <c r="W53" s="45" t="s">
        <v>22</v>
      </c>
      <c r="X53" s="45" t="s">
        <v>22</v>
      </c>
      <c r="Y53" s="45" t="s">
        <v>982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69"/>
      <c r="D54" s="194"/>
      <c r="E54" s="169"/>
      <c r="F54" s="41"/>
      <c r="G54" s="169"/>
      <c r="H54" s="44"/>
      <c r="I54" s="169"/>
      <c r="J54" s="44"/>
      <c r="K54" s="192"/>
      <c r="L54" s="169"/>
      <c r="M54" s="191"/>
      <c r="N54" s="45"/>
      <c r="O54" s="168"/>
      <c r="P54" s="229"/>
      <c r="Q54" s="223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94"/>
      <c r="E55" s="169"/>
      <c r="F55" s="41"/>
      <c r="G55" s="169"/>
      <c r="H55" s="44"/>
      <c r="I55" s="169"/>
      <c r="J55" s="44"/>
      <c r="K55" s="192"/>
      <c r="L55" s="169"/>
      <c r="M55" s="191"/>
      <c r="N55" s="45"/>
      <c r="O55" s="168"/>
      <c r="P55" s="227" t="s">
        <v>865</v>
      </c>
      <c r="Q55" s="221" t="s">
        <v>864</v>
      </c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4"/>
      <c r="E56" s="169"/>
      <c r="F56" s="41"/>
      <c r="G56" s="169"/>
      <c r="H56" s="44"/>
      <c r="I56" s="169"/>
      <c r="J56" s="44"/>
      <c r="K56" s="192"/>
      <c r="L56" s="169"/>
      <c r="M56" s="191"/>
      <c r="N56" s="45"/>
      <c r="O56" s="168"/>
      <c r="P56" s="228"/>
      <c r="Q56" s="222"/>
      <c r="R56" s="169"/>
      <c r="S56" s="168" t="s">
        <v>981</v>
      </c>
      <c r="T56" s="190" t="s">
        <v>980</v>
      </c>
      <c r="U56" s="168"/>
      <c r="V56" s="44" t="s">
        <v>22</v>
      </c>
      <c r="W56" s="45" t="s">
        <v>22</v>
      </c>
      <c r="X56" s="45" t="s">
        <v>22</v>
      </c>
      <c r="Y56" s="45" t="s">
        <v>979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69"/>
      <c r="D57" s="194"/>
      <c r="E57" s="169"/>
      <c r="F57" s="41"/>
      <c r="G57" s="169"/>
      <c r="H57" s="44"/>
      <c r="I57" s="169"/>
      <c r="J57" s="44"/>
      <c r="K57" s="192"/>
      <c r="L57" s="169"/>
      <c r="M57" s="191"/>
      <c r="N57" s="45"/>
      <c r="O57" s="168"/>
      <c r="P57" s="229"/>
      <c r="Q57" s="223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3"/>
      <c r="C58" s="169"/>
      <c r="D58" s="170"/>
      <c r="E58" s="218" t="s">
        <v>26</v>
      </c>
      <c r="F58" s="224" t="s">
        <v>978</v>
      </c>
      <c r="G58" s="162"/>
      <c r="H58" s="69"/>
      <c r="I58" s="162"/>
      <c r="J58" s="69"/>
      <c r="K58" s="198"/>
      <c r="L58" s="162"/>
      <c r="M58" s="197"/>
      <c r="N58" s="70"/>
      <c r="O58" s="167"/>
      <c r="P58" s="167"/>
      <c r="Q58" s="68"/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3"/>
      <c r="C59" s="169"/>
      <c r="D59" s="193"/>
      <c r="E59" s="219"/>
      <c r="F59" s="225"/>
      <c r="G59" s="169"/>
      <c r="H59" s="44" t="s">
        <v>977</v>
      </c>
      <c r="I59" s="169" t="s">
        <v>23</v>
      </c>
      <c r="J59" s="44" t="s">
        <v>976</v>
      </c>
      <c r="K59" s="192" t="s">
        <v>22</v>
      </c>
      <c r="L59" s="169"/>
      <c r="M59" s="191" t="s">
        <v>22</v>
      </c>
      <c r="N59" s="45" t="s">
        <v>975</v>
      </c>
      <c r="O59" s="168"/>
      <c r="P59" s="168"/>
      <c r="Q59" s="41"/>
      <c r="R59" s="169"/>
      <c r="S59" s="168"/>
      <c r="T59" s="190" t="s">
        <v>974</v>
      </c>
      <c r="U59" s="168"/>
      <c r="V59" s="44" t="s">
        <v>22</v>
      </c>
      <c r="W59" s="45" t="s">
        <v>22</v>
      </c>
      <c r="X59" s="45" t="s">
        <v>22</v>
      </c>
      <c r="Y59" s="45" t="s">
        <v>973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3"/>
      <c r="C60" s="169"/>
      <c r="D60" s="193"/>
      <c r="E60" s="219"/>
      <c r="F60" s="225"/>
      <c r="G60" s="169"/>
      <c r="H60" s="44"/>
      <c r="I60" s="169"/>
      <c r="J60" s="44"/>
      <c r="K60" s="192"/>
      <c r="L60" s="169"/>
      <c r="M60" s="191"/>
      <c r="N60" s="45"/>
      <c r="O60" s="168"/>
      <c r="P60" s="168"/>
      <c r="Q60" s="41"/>
      <c r="R60" s="169"/>
      <c r="S60" s="168"/>
      <c r="T60" s="190"/>
      <c r="U60" s="168"/>
      <c r="V60" s="44"/>
      <c r="W60" s="45"/>
      <c r="X60" s="45"/>
      <c r="Y60" s="45"/>
      <c r="Z60" s="189"/>
      <c r="AA60" s="33"/>
      <c r="AB60" s="33"/>
      <c r="AC60" s="33"/>
      <c r="AD60" s="34"/>
      <c r="AE60" s="35"/>
      <c r="AF60" s="35"/>
      <c r="AG60" s="35"/>
      <c r="AH60" s="33"/>
      <c r="AI60" s="33"/>
      <c r="AJ60" s="33"/>
      <c r="AK60" s="33"/>
      <c r="AL60" s="34"/>
      <c r="AM60" s="35"/>
      <c r="AN60" s="35"/>
      <c r="AO60" s="36"/>
    </row>
    <row r="61" spans="1:41" s="59" customFormat="1" ht="9.75" customHeight="1">
      <c r="A61" s="40"/>
      <c r="B61" s="194"/>
      <c r="C61" s="169"/>
      <c r="D61" s="193"/>
      <c r="E61" s="169"/>
      <c r="F61" s="170"/>
      <c r="G61" s="169"/>
      <c r="H61" s="44"/>
      <c r="I61" s="169"/>
      <c r="J61" s="44"/>
      <c r="K61" s="192"/>
      <c r="L61" s="169"/>
      <c r="M61" s="191"/>
      <c r="N61" s="45"/>
      <c r="O61" s="168"/>
      <c r="P61" s="227" t="s">
        <v>31</v>
      </c>
      <c r="Q61" s="221" t="s">
        <v>900</v>
      </c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4"/>
      <c r="C62" s="169"/>
      <c r="D62" s="193"/>
      <c r="E62" s="169"/>
      <c r="F62" s="170"/>
      <c r="G62" s="169"/>
      <c r="H62" s="44"/>
      <c r="I62" s="169"/>
      <c r="J62" s="44"/>
      <c r="K62" s="192"/>
      <c r="L62" s="169"/>
      <c r="M62" s="191"/>
      <c r="N62" s="45"/>
      <c r="O62" s="168"/>
      <c r="P62" s="228"/>
      <c r="Q62" s="222"/>
      <c r="R62" s="169"/>
      <c r="S62" s="168" t="s">
        <v>972</v>
      </c>
      <c r="T62" s="190" t="s">
        <v>971</v>
      </c>
      <c r="U62" s="168"/>
      <c r="V62" s="44" t="s">
        <v>22</v>
      </c>
      <c r="W62" s="45" t="s">
        <v>22</v>
      </c>
      <c r="X62" s="45" t="s">
        <v>22</v>
      </c>
      <c r="Y62" s="45" t="s">
        <v>970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4"/>
      <c r="C63" s="169"/>
      <c r="D63" s="193"/>
      <c r="E63" s="169"/>
      <c r="F63" s="170"/>
      <c r="G63" s="169"/>
      <c r="H63" s="44"/>
      <c r="I63" s="169"/>
      <c r="J63" s="44"/>
      <c r="K63" s="192"/>
      <c r="L63" s="169"/>
      <c r="M63" s="191"/>
      <c r="N63" s="45"/>
      <c r="O63" s="168"/>
      <c r="P63" s="229"/>
      <c r="Q63" s="223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4"/>
      <c r="C64" s="169"/>
      <c r="D64" s="194"/>
      <c r="E64" s="169"/>
      <c r="F64" s="170"/>
      <c r="G64" s="169"/>
      <c r="H64" s="44"/>
      <c r="I64" s="169"/>
      <c r="J64" s="44"/>
      <c r="K64" s="192"/>
      <c r="L64" s="169"/>
      <c r="M64" s="191"/>
      <c r="N64" s="45"/>
      <c r="O64" s="168"/>
      <c r="P64" s="227" t="s">
        <v>35</v>
      </c>
      <c r="Q64" s="221" t="s">
        <v>788</v>
      </c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4"/>
      <c r="C65" s="169"/>
      <c r="D65" s="194"/>
      <c r="E65" s="169"/>
      <c r="F65" s="170"/>
      <c r="G65" s="169"/>
      <c r="H65" s="44"/>
      <c r="I65" s="169"/>
      <c r="J65" s="44"/>
      <c r="K65" s="192"/>
      <c r="L65" s="169"/>
      <c r="M65" s="191"/>
      <c r="N65" s="45"/>
      <c r="O65" s="168"/>
      <c r="P65" s="228"/>
      <c r="Q65" s="222"/>
      <c r="R65" s="169"/>
      <c r="S65" s="168" t="s">
        <v>969</v>
      </c>
      <c r="T65" s="190" t="s">
        <v>968</v>
      </c>
      <c r="U65" s="168"/>
      <c r="V65" s="44" t="s">
        <v>22</v>
      </c>
      <c r="W65" s="45" t="s">
        <v>22</v>
      </c>
      <c r="X65" s="45" t="s">
        <v>22</v>
      </c>
      <c r="Y65" s="45" t="s">
        <v>967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4"/>
      <c r="C66" s="169"/>
      <c r="D66" s="194"/>
      <c r="E66" s="169"/>
      <c r="F66" s="170"/>
      <c r="G66" s="169"/>
      <c r="H66" s="44"/>
      <c r="I66" s="169"/>
      <c r="J66" s="44"/>
      <c r="K66" s="192"/>
      <c r="L66" s="169"/>
      <c r="M66" s="191"/>
      <c r="N66" s="45"/>
      <c r="O66" s="168"/>
      <c r="P66" s="229"/>
      <c r="Q66" s="223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40"/>
      <c r="B67" s="194"/>
      <c r="C67" s="169"/>
      <c r="D67" s="194"/>
      <c r="E67" s="169"/>
      <c r="F67" s="41"/>
      <c r="G67" s="169"/>
      <c r="H67" s="44"/>
      <c r="I67" s="169"/>
      <c r="J67" s="44"/>
      <c r="K67" s="192"/>
      <c r="L67" s="169"/>
      <c r="M67" s="191"/>
      <c r="N67" s="45"/>
      <c r="O67" s="168"/>
      <c r="P67" s="227" t="s">
        <v>36</v>
      </c>
      <c r="Q67" s="221" t="s">
        <v>833</v>
      </c>
      <c r="R67" s="162"/>
      <c r="S67" s="167"/>
      <c r="T67" s="196"/>
      <c r="U67" s="167"/>
      <c r="V67" s="69"/>
      <c r="W67" s="70"/>
      <c r="X67" s="70"/>
      <c r="Y67" s="70"/>
      <c r="Z67" s="195" t="s">
        <v>1</v>
      </c>
      <c r="AA67" s="74"/>
      <c r="AB67" s="74"/>
      <c r="AC67" s="74"/>
      <c r="AD67" s="75"/>
      <c r="AE67" s="25"/>
      <c r="AF67" s="25"/>
      <c r="AG67" s="25"/>
      <c r="AH67" s="74"/>
      <c r="AI67" s="74"/>
      <c r="AJ67" s="74"/>
      <c r="AK67" s="74"/>
      <c r="AL67" s="75"/>
      <c r="AM67" s="25"/>
      <c r="AN67" s="25"/>
      <c r="AO67" s="32"/>
    </row>
    <row r="68" spans="1:41" s="59" customFormat="1" ht="9.75" customHeight="1">
      <c r="A68" s="40"/>
      <c r="B68" s="194"/>
      <c r="C68" s="169"/>
      <c r="D68" s="194"/>
      <c r="E68" s="169"/>
      <c r="F68" s="41"/>
      <c r="G68" s="169"/>
      <c r="H68" s="44"/>
      <c r="I68" s="169"/>
      <c r="J68" s="44"/>
      <c r="K68" s="192"/>
      <c r="L68" s="169"/>
      <c r="M68" s="191"/>
      <c r="N68" s="45"/>
      <c r="O68" s="168"/>
      <c r="P68" s="228"/>
      <c r="Q68" s="222"/>
      <c r="R68" s="169"/>
      <c r="S68" s="168" t="s">
        <v>966</v>
      </c>
      <c r="T68" s="190" t="s">
        <v>965</v>
      </c>
      <c r="U68" s="168"/>
      <c r="V68" s="44" t="s">
        <v>22</v>
      </c>
      <c r="W68" s="45" t="s">
        <v>22</v>
      </c>
      <c r="X68" s="45" t="s">
        <v>22</v>
      </c>
      <c r="Y68" s="45" t="s">
        <v>964</v>
      </c>
      <c r="Z68" s="189"/>
      <c r="AA68" s="33"/>
      <c r="AB68" s="33"/>
      <c r="AC68" s="33"/>
      <c r="AD68" s="34"/>
      <c r="AE68" s="35"/>
      <c r="AF68" s="35"/>
      <c r="AG68" s="35"/>
      <c r="AH68" s="33"/>
      <c r="AI68" s="33"/>
      <c r="AJ68" s="33"/>
      <c r="AK68" s="33"/>
      <c r="AL68" s="34"/>
      <c r="AM68" s="35"/>
      <c r="AN68" s="35"/>
      <c r="AO68" s="36"/>
    </row>
    <row r="69" spans="1:41" s="59" customFormat="1" ht="9.75" customHeight="1">
      <c r="A69" s="40"/>
      <c r="B69" s="194"/>
      <c r="C69" s="169"/>
      <c r="D69" s="194"/>
      <c r="E69" s="169"/>
      <c r="F69" s="41"/>
      <c r="G69" s="169"/>
      <c r="H69" s="44"/>
      <c r="I69" s="169"/>
      <c r="J69" s="44"/>
      <c r="K69" s="192"/>
      <c r="L69" s="169"/>
      <c r="M69" s="191"/>
      <c r="N69" s="45"/>
      <c r="O69" s="168"/>
      <c r="P69" s="229"/>
      <c r="Q69" s="223"/>
      <c r="R69" s="169"/>
      <c r="S69" s="168"/>
      <c r="T69" s="190"/>
      <c r="U69" s="168"/>
      <c r="V69" s="44"/>
      <c r="W69" s="45"/>
      <c r="X69" s="45"/>
      <c r="Y69" s="45"/>
      <c r="Z69" s="189"/>
      <c r="AA69" s="33"/>
      <c r="AB69" s="33"/>
      <c r="AC69" s="33"/>
      <c r="AD69" s="34"/>
      <c r="AE69" s="35"/>
      <c r="AF69" s="35"/>
      <c r="AG69" s="35"/>
      <c r="AH69" s="33"/>
      <c r="AI69" s="33"/>
      <c r="AJ69" s="33"/>
      <c r="AK69" s="33"/>
      <c r="AL69" s="34"/>
      <c r="AM69" s="35"/>
      <c r="AN69" s="35"/>
      <c r="AO69" s="36"/>
    </row>
    <row r="70" spans="1:41" s="59" customFormat="1" ht="9.75" customHeight="1">
      <c r="A70" s="40"/>
      <c r="B70" s="194"/>
      <c r="C70" s="169"/>
      <c r="D70" s="194"/>
      <c r="E70" s="169"/>
      <c r="F70" s="41"/>
      <c r="G70" s="169"/>
      <c r="H70" s="44"/>
      <c r="I70" s="169"/>
      <c r="J70" s="44"/>
      <c r="K70" s="192"/>
      <c r="L70" s="169"/>
      <c r="M70" s="191"/>
      <c r="N70" s="45"/>
      <c r="O70" s="168"/>
      <c r="P70" s="227" t="s">
        <v>37</v>
      </c>
      <c r="Q70" s="221" t="s">
        <v>786</v>
      </c>
      <c r="R70" s="162"/>
      <c r="S70" s="167"/>
      <c r="T70" s="196"/>
      <c r="U70" s="167"/>
      <c r="V70" s="69"/>
      <c r="W70" s="70"/>
      <c r="X70" s="70"/>
      <c r="Y70" s="70"/>
      <c r="Z70" s="195" t="s">
        <v>1</v>
      </c>
      <c r="AA70" s="74"/>
      <c r="AB70" s="74"/>
      <c r="AC70" s="74"/>
      <c r="AD70" s="75"/>
      <c r="AE70" s="25"/>
      <c r="AF70" s="25"/>
      <c r="AG70" s="25"/>
      <c r="AH70" s="74"/>
      <c r="AI70" s="74"/>
      <c r="AJ70" s="74"/>
      <c r="AK70" s="74"/>
      <c r="AL70" s="75"/>
      <c r="AM70" s="25"/>
      <c r="AN70" s="25"/>
      <c r="AO70" s="32"/>
    </row>
    <row r="71" spans="1:41" s="59" customFormat="1" ht="9.75" customHeight="1">
      <c r="A71" s="40"/>
      <c r="B71" s="194"/>
      <c r="C71" s="169"/>
      <c r="D71" s="194"/>
      <c r="E71" s="169"/>
      <c r="F71" s="41"/>
      <c r="G71" s="169"/>
      <c r="H71" s="44"/>
      <c r="I71" s="169"/>
      <c r="J71" s="44"/>
      <c r="K71" s="192"/>
      <c r="L71" s="169"/>
      <c r="M71" s="191"/>
      <c r="N71" s="45"/>
      <c r="O71" s="168"/>
      <c r="P71" s="228"/>
      <c r="Q71" s="222"/>
      <c r="R71" s="169"/>
      <c r="S71" s="168" t="s">
        <v>963</v>
      </c>
      <c r="T71" s="190" t="s">
        <v>962</v>
      </c>
      <c r="U71" s="168"/>
      <c r="V71" s="44" t="s">
        <v>22</v>
      </c>
      <c r="W71" s="45" t="s">
        <v>22</v>
      </c>
      <c r="X71" s="45" t="s">
        <v>22</v>
      </c>
      <c r="Y71" s="45" t="s">
        <v>961</v>
      </c>
      <c r="Z71" s="189"/>
      <c r="AA71" s="33"/>
      <c r="AB71" s="33"/>
      <c r="AC71" s="33"/>
      <c r="AD71" s="34"/>
      <c r="AE71" s="35"/>
      <c r="AF71" s="35"/>
      <c r="AG71" s="35"/>
      <c r="AH71" s="33"/>
      <c r="AI71" s="33"/>
      <c r="AJ71" s="33"/>
      <c r="AK71" s="33"/>
      <c r="AL71" s="34"/>
      <c r="AM71" s="35"/>
      <c r="AN71" s="35"/>
      <c r="AO71" s="36"/>
    </row>
    <row r="72" spans="1:41" s="59" customFormat="1" ht="9.75" customHeight="1">
      <c r="A72" s="40"/>
      <c r="B72" s="194"/>
      <c r="C72" s="169"/>
      <c r="D72" s="194"/>
      <c r="E72" s="169"/>
      <c r="F72" s="41"/>
      <c r="G72" s="169"/>
      <c r="H72" s="44"/>
      <c r="I72" s="169"/>
      <c r="J72" s="44"/>
      <c r="K72" s="192"/>
      <c r="L72" s="169"/>
      <c r="M72" s="191"/>
      <c r="N72" s="45"/>
      <c r="O72" s="168"/>
      <c r="P72" s="229"/>
      <c r="Q72" s="223"/>
      <c r="R72" s="169"/>
      <c r="S72" s="168"/>
      <c r="T72" s="190"/>
      <c r="U72" s="168"/>
      <c r="V72" s="44"/>
      <c r="W72" s="45"/>
      <c r="X72" s="45"/>
      <c r="Y72" s="45"/>
      <c r="Z72" s="189"/>
      <c r="AA72" s="33"/>
      <c r="AB72" s="33"/>
      <c r="AC72" s="33"/>
      <c r="AD72" s="34"/>
      <c r="AE72" s="35"/>
      <c r="AF72" s="35"/>
      <c r="AG72" s="35"/>
      <c r="AH72" s="33"/>
      <c r="AI72" s="33"/>
      <c r="AJ72" s="33"/>
      <c r="AK72" s="33"/>
      <c r="AL72" s="34"/>
      <c r="AM72" s="35"/>
      <c r="AN72" s="35"/>
      <c r="AO72" s="36"/>
    </row>
    <row r="73" spans="1:41" s="59" customFormat="1" ht="9.75" customHeight="1">
      <c r="A73" s="40"/>
      <c r="B73" s="194"/>
      <c r="C73" s="169"/>
      <c r="D73" s="194"/>
      <c r="E73" s="169"/>
      <c r="F73" s="41"/>
      <c r="G73" s="169"/>
      <c r="H73" s="44"/>
      <c r="I73" s="169"/>
      <c r="J73" s="44"/>
      <c r="K73" s="192"/>
      <c r="L73" s="169"/>
      <c r="M73" s="191"/>
      <c r="N73" s="45"/>
      <c r="O73" s="168"/>
      <c r="P73" s="227" t="s">
        <v>39</v>
      </c>
      <c r="Q73" s="221" t="s">
        <v>704</v>
      </c>
      <c r="R73" s="162"/>
      <c r="S73" s="167"/>
      <c r="T73" s="196"/>
      <c r="U73" s="167"/>
      <c r="V73" s="69"/>
      <c r="W73" s="70"/>
      <c r="X73" s="70"/>
      <c r="Y73" s="70"/>
      <c r="Z73" s="195" t="s">
        <v>1</v>
      </c>
      <c r="AA73" s="74"/>
      <c r="AB73" s="74"/>
      <c r="AC73" s="74"/>
      <c r="AD73" s="75"/>
      <c r="AE73" s="25"/>
      <c r="AF73" s="25"/>
      <c r="AG73" s="25"/>
      <c r="AH73" s="74"/>
      <c r="AI73" s="74"/>
      <c r="AJ73" s="74"/>
      <c r="AK73" s="74"/>
      <c r="AL73" s="75"/>
      <c r="AM73" s="25"/>
      <c r="AN73" s="25"/>
      <c r="AO73" s="32"/>
    </row>
    <row r="74" spans="1:41" s="59" customFormat="1" ht="9.75" customHeight="1">
      <c r="A74" s="40"/>
      <c r="B74" s="194"/>
      <c r="C74" s="169"/>
      <c r="D74" s="194"/>
      <c r="E74" s="169"/>
      <c r="F74" s="41"/>
      <c r="G74" s="169"/>
      <c r="H74" s="44"/>
      <c r="I74" s="169"/>
      <c r="J74" s="44"/>
      <c r="K74" s="192"/>
      <c r="L74" s="169"/>
      <c r="M74" s="191"/>
      <c r="N74" s="45"/>
      <c r="O74" s="168"/>
      <c r="P74" s="228"/>
      <c r="Q74" s="222"/>
      <c r="R74" s="169"/>
      <c r="S74" s="168" t="s">
        <v>960</v>
      </c>
      <c r="T74" s="190" t="s">
        <v>959</v>
      </c>
      <c r="U74" s="168"/>
      <c r="V74" s="44" t="s">
        <v>22</v>
      </c>
      <c r="W74" s="45" t="s">
        <v>22</v>
      </c>
      <c r="X74" s="45" t="s">
        <v>22</v>
      </c>
      <c r="Y74" s="45" t="s">
        <v>958</v>
      </c>
      <c r="Z74" s="189"/>
      <c r="AA74" s="33"/>
      <c r="AB74" s="33"/>
      <c r="AC74" s="33"/>
      <c r="AD74" s="34"/>
      <c r="AE74" s="35"/>
      <c r="AF74" s="35"/>
      <c r="AG74" s="35"/>
      <c r="AH74" s="33"/>
      <c r="AI74" s="33"/>
      <c r="AJ74" s="33"/>
      <c r="AK74" s="33"/>
      <c r="AL74" s="34"/>
      <c r="AM74" s="35"/>
      <c r="AN74" s="35"/>
      <c r="AO74" s="36"/>
    </row>
    <row r="75" spans="1:41" s="59" customFormat="1" ht="9.75" customHeight="1">
      <c r="A75" s="40"/>
      <c r="B75" s="194"/>
      <c r="C75" s="169"/>
      <c r="D75" s="194"/>
      <c r="E75" s="169"/>
      <c r="F75" s="41"/>
      <c r="G75" s="169"/>
      <c r="H75" s="44"/>
      <c r="I75" s="169"/>
      <c r="J75" s="44"/>
      <c r="K75" s="192"/>
      <c r="L75" s="169"/>
      <c r="M75" s="191"/>
      <c r="N75" s="45"/>
      <c r="O75" s="168"/>
      <c r="P75" s="229"/>
      <c r="Q75" s="223"/>
      <c r="R75" s="169"/>
      <c r="S75" s="168"/>
      <c r="T75" s="190"/>
      <c r="U75" s="168"/>
      <c r="V75" s="44"/>
      <c r="W75" s="45"/>
      <c r="X75" s="45"/>
      <c r="Y75" s="45"/>
      <c r="Z75" s="189"/>
      <c r="AA75" s="33"/>
      <c r="AB75" s="33"/>
      <c r="AC75" s="33"/>
      <c r="AD75" s="34"/>
      <c r="AE75" s="35"/>
      <c r="AF75" s="35"/>
      <c r="AG75" s="35"/>
      <c r="AH75" s="33"/>
      <c r="AI75" s="33"/>
      <c r="AJ75" s="33"/>
      <c r="AK75" s="33"/>
      <c r="AL75" s="34"/>
      <c r="AM75" s="35"/>
      <c r="AN75" s="35"/>
      <c r="AO75" s="36"/>
    </row>
    <row r="76" spans="1:41" s="59" customFormat="1" ht="9.75" customHeight="1">
      <c r="A76" s="40"/>
      <c r="B76" s="194"/>
      <c r="C76" s="169"/>
      <c r="D76" s="194"/>
      <c r="E76" s="169"/>
      <c r="F76" s="41"/>
      <c r="G76" s="169"/>
      <c r="H76" s="44"/>
      <c r="I76" s="169"/>
      <c r="J76" s="44"/>
      <c r="K76" s="192"/>
      <c r="L76" s="169"/>
      <c r="M76" s="191"/>
      <c r="N76" s="45"/>
      <c r="O76" s="168"/>
      <c r="P76" s="227" t="s">
        <v>40</v>
      </c>
      <c r="Q76" s="221" t="s">
        <v>700</v>
      </c>
      <c r="R76" s="162"/>
      <c r="S76" s="167"/>
      <c r="T76" s="196"/>
      <c r="U76" s="167"/>
      <c r="V76" s="69"/>
      <c r="W76" s="70"/>
      <c r="X76" s="70"/>
      <c r="Y76" s="70"/>
      <c r="Z76" s="195" t="s">
        <v>1</v>
      </c>
      <c r="AA76" s="74"/>
      <c r="AB76" s="74"/>
      <c r="AC76" s="74"/>
      <c r="AD76" s="75"/>
      <c r="AE76" s="25"/>
      <c r="AF76" s="25"/>
      <c r="AG76" s="25"/>
      <c r="AH76" s="74"/>
      <c r="AI76" s="74"/>
      <c r="AJ76" s="74"/>
      <c r="AK76" s="74"/>
      <c r="AL76" s="75"/>
      <c r="AM76" s="25"/>
      <c r="AN76" s="25"/>
      <c r="AO76" s="32"/>
    </row>
    <row r="77" spans="1:41" s="59" customFormat="1" ht="9.75" customHeight="1">
      <c r="A77" s="40"/>
      <c r="B77" s="194"/>
      <c r="C77" s="169"/>
      <c r="D77" s="194"/>
      <c r="E77" s="169"/>
      <c r="F77" s="41"/>
      <c r="G77" s="169"/>
      <c r="H77" s="44"/>
      <c r="I77" s="169"/>
      <c r="J77" s="44"/>
      <c r="K77" s="192"/>
      <c r="L77" s="169"/>
      <c r="M77" s="191"/>
      <c r="N77" s="45"/>
      <c r="O77" s="168"/>
      <c r="P77" s="228"/>
      <c r="Q77" s="222"/>
      <c r="R77" s="169"/>
      <c r="S77" s="168" t="s">
        <v>957</v>
      </c>
      <c r="T77" s="190" t="s">
        <v>956</v>
      </c>
      <c r="U77" s="168"/>
      <c r="V77" s="44" t="s">
        <v>22</v>
      </c>
      <c r="W77" s="45" t="s">
        <v>22</v>
      </c>
      <c r="X77" s="45" t="s">
        <v>22</v>
      </c>
      <c r="Y77" s="45" t="s">
        <v>955</v>
      </c>
      <c r="Z77" s="189"/>
      <c r="AA77" s="33"/>
      <c r="AB77" s="33"/>
      <c r="AC77" s="33"/>
      <c r="AD77" s="34"/>
      <c r="AE77" s="35"/>
      <c r="AF77" s="35"/>
      <c r="AG77" s="35"/>
      <c r="AH77" s="33"/>
      <c r="AI77" s="33"/>
      <c r="AJ77" s="33"/>
      <c r="AK77" s="33"/>
      <c r="AL77" s="34"/>
      <c r="AM77" s="35"/>
      <c r="AN77" s="35"/>
      <c r="AO77" s="36"/>
    </row>
    <row r="78" spans="1:41" s="59" customFormat="1" ht="9.75" customHeight="1">
      <c r="A78" s="40"/>
      <c r="B78" s="194"/>
      <c r="C78" s="169"/>
      <c r="D78" s="194"/>
      <c r="E78" s="169"/>
      <c r="F78" s="41"/>
      <c r="G78" s="169"/>
      <c r="H78" s="44"/>
      <c r="I78" s="169"/>
      <c r="J78" s="44"/>
      <c r="K78" s="192"/>
      <c r="L78" s="169"/>
      <c r="M78" s="191"/>
      <c r="N78" s="45"/>
      <c r="O78" s="168"/>
      <c r="P78" s="229"/>
      <c r="Q78" s="223"/>
      <c r="R78" s="169"/>
      <c r="S78" s="168"/>
      <c r="T78" s="190"/>
      <c r="U78" s="168"/>
      <c r="V78" s="44"/>
      <c r="W78" s="45"/>
      <c r="X78" s="45"/>
      <c r="Y78" s="45"/>
      <c r="Z78" s="189"/>
      <c r="AA78" s="33"/>
      <c r="AB78" s="33"/>
      <c r="AC78" s="33"/>
      <c r="AD78" s="34"/>
      <c r="AE78" s="35"/>
      <c r="AF78" s="35"/>
      <c r="AG78" s="35"/>
      <c r="AH78" s="33"/>
      <c r="AI78" s="33"/>
      <c r="AJ78" s="33"/>
      <c r="AK78" s="33"/>
      <c r="AL78" s="34"/>
      <c r="AM78" s="35"/>
      <c r="AN78" s="35"/>
      <c r="AO78" s="36"/>
    </row>
    <row r="79" spans="1:41" s="59" customFormat="1" ht="9.75" customHeight="1">
      <c r="A79" s="40"/>
      <c r="B79" s="194"/>
      <c r="C79" s="169"/>
      <c r="D79" s="194"/>
      <c r="E79" s="169"/>
      <c r="F79" s="41"/>
      <c r="G79" s="169"/>
      <c r="H79" s="44"/>
      <c r="I79" s="169"/>
      <c r="J79" s="44"/>
      <c r="K79" s="192"/>
      <c r="L79" s="169"/>
      <c r="M79" s="191"/>
      <c r="N79" s="45"/>
      <c r="O79" s="168"/>
      <c r="P79" s="227" t="s">
        <v>79</v>
      </c>
      <c r="Q79" s="221" t="s">
        <v>699</v>
      </c>
      <c r="R79" s="162"/>
      <c r="S79" s="167"/>
      <c r="T79" s="196"/>
      <c r="U79" s="167"/>
      <c r="V79" s="69"/>
      <c r="W79" s="70"/>
      <c r="X79" s="70"/>
      <c r="Y79" s="70"/>
      <c r="Z79" s="195" t="s">
        <v>1</v>
      </c>
      <c r="AA79" s="74"/>
      <c r="AB79" s="74"/>
      <c r="AC79" s="74"/>
      <c r="AD79" s="75"/>
      <c r="AE79" s="25"/>
      <c r="AF79" s="25"/>
      <c r="AG79" s="25"/>
      <c r="AH79" s="74"/>
      <c r="AI79" s="74"/>
      <c r="AJ79" s="74"/>
      <c r="AK79" s="74"/>
      <c r="AL79" s="75"/>
      <c r="AM79" s="25"/>
      <c r="AN79" s="25"/>
      <c r="AO79" s="32"/>
    </row>
    <row r="80" spans="1:41" s="59" customFormat="1" ht="9.75" customHeight="1">
      <c r="A80" s="40"/>
      <c r="B80" s="194"/>
      <c r="C80" s="169"/>
      <c r="D80" s="194"/>
      <c r="E80" s="169"/>
      <c r="F80" s="41"/>
      <c r="G80" s="169"/>
      <c r="H80" s="44"/>
      <c r="I80" s="169"/>
      <c r="J80" s="44"/>
      <c r="K80" s="192"/>
      <c r="L80" s="169"/>
      <c r="M80" s="191"/>
      <c r="N80" s="45"/>
      <c r="O80" s="168"/>
      <c r="P80" s="228"/>
      <c r="Q80" s="222"/>
      <c r="R80" s="169"/>
      <c r="S80" s="168" t="s">
        <v>954</v>
      </c>
      <c r="T80" s="190" t="s">
        <v>953</v>
      </c>
      <c r="U80" s="168"/>
      <c r="V80" s="44" t="s">
        <v>22</v>
      </c>
      <c r="W80" s="45" t="s">
        <v>22</v>
      </c>
      <c r="X80" s="45" t="s">
        <v>22</v>
      </c>
      <c r="Y80" s="45" t="s">
        <v>952</v>
      </c>
      <c r="Z80" s="189"/>
      <c r="AA80" s="33"/>
      <c r="AB80" s="33"/>
      <c r="AC80" s="33"/>
      <c r="AD80" s="34"/>
      <c r="AE80" s="35"/>
      <c r="AF80" s="35"/>
      <c r="AG80" s="35"/>
      <c r="AH80" s="33"/>
      <c r="AI80" s="33"/>
      <c r="AJ80" s="33"/>
      <c r="AK80" s="33"/>
      <c r="AL80" s="34"/>
      <c r="AM80" s="35"/>
      <c r="AN80" s="35"/>
      <c r="AO80" s="36"/>
    </row>
    <row r="81" spans="1:46" s="59" customFormat="1" ht="9.75" customHeight="1">
      <c r="A81" s="40"/>
      <c r="B81" s="194"/>
      <c r="C81" s="169"/>
      <c r="D81" s="194"/>
      <c r="E81" s="169"/>
      <c r="F81" s="41"/>
      <c r="G81" s="169"/>
      <c r="H81" s="44"/>
      <c r="I81" s="169"/>
      <c r="J81" s="44"/>
      <c r="K81" s="192"/>
      <c r="L81" s="169"/>
      <c r="M81" s="191"/>
      <c r="N81" s="45"/>
      <c r="O81" s="168"/>
      <c r="P81" s="229"/>
      <c r="Q81" s="223"/>
      <c r="R81" s="169"/>
      <c r="S81" s="168"/>
      <c r="T81" s="190"/>
      <c r="U81" s="168"/>
      <c r="V81" s="44"/>
      <c r="W81" s="45"/>
      <c r="X81" s="45"/>
      <c r="Y81" s="45"/>
      <c r="Z81" s="189"/>
      <c r="AA81" s="33"/>
      <c r="AB81" s="33"/>
      <c r="AC81" s="33"/>
      <c r="AD81" s="34"/>
      <c r="AE81" s="35"/>
      <c r="AF81" s="35"/>
      <c r="AG81" s="35"/>
      <c r="AH81" s="33"/>
      <c r="AI81" s="33"/>
      <c r="AJ81" s="33"/>
      <c r="AK81" s="33"/>
      <c r="AL81" s="34"/>
      <c r="AM81" s="35"/>
      <c r="AN81" s="35"/>
      <c r="AO81" s="36"/>
    </row>
    <row r="82" spans="1:46" s="59" customFormat="1" ht="9.75" customHeight="1">
      <c r="A82" s="40"/>
      <c r="B82" s="194"/>
      <c r="C82" s="169"/>
      <c r="D82" s="194"/>
      <c r="E82" s="169"/>
      <c r="F82" s="41"/>
      <c r="G82" s="169"/>
      <c r="H82" s="44"/>
      <c r="I82" s="169"/>
      <c r="J82" s="44"/>
      <c r="K82" s="192"/>
      <c r="L82" s="169"/>
      <c r="M82" s="191"/>
      <c r="N82" s="45"/>
      <c r="O82" s="168"/>
      <c r="P82" s="227" t="s">
        <v>100</v>
      </c>
      <c r="Q82" s="230" t="s">
        <v>695</v>
      </c>
      <c r="R82" s="162"/>
      <c r="S82" s="167"/>
      <c r="T82" s="196"/>
      <c r="U82" s="167"/>
      <c r="V82" s="69"/>
      <c r="W82" s="70"/>
      <c r="X82" s="70"/>
      <c r="Y82" s="70"/>
      <c r="Z82" s="195" t="s">
        <v>1</v>
      </c>
      <c r="AA82" s="74"/>
      <c r="AB82" s="74"/>
      <c r="AC82" s="74"/>
      <c r="AD82" s="75"/>
      <c r="AE82" s="25"/>
      <c r="AF82" s="25"/>
      <c r="AG82" s="25"/>
      <c r="AH82" s="74"/>
      <c r="AI82" s="74"/>
      <c r="AJ82" s="74"/>
      <c r="AK82" s="74"/>
      <c r="AL82" s="75"/>
      <c r="AM82" s="25"/>
      <c r="AN82" s="25"/>
      <c r="AO82" s="32"/>
    </row>
    <row r="83" spans="1:46" s="59" customFormat="1" ht="9.75" customHeight="1">
      <c r="A83" s="40"/>
      <c r="B83" s="194"/>
      <c r="C83" s="169"/>
      <c r="D83" s="194"/>
      <c r="E83" s="169"/>
      <c r="F83" s="41"/>
      <c r="G83" s="169"/>
      <c r="H83" s="44"/>
      <c r="I83" s="169"/>
      <c r="J83" s="44"/>
      <c r="K83" s="192"/>
      <c r="L83" s="169"/>
      <c r="M83" s="191"/>
      <c r="N83" s="45"/>
      <c r="O83" s="168"/>
      <c r="P83" s="228"/>
      <c r="Q83" s="222"/>
      <c r="R83" s="169"/>
      <c r="S83" s="168" t="s">
        <v>951</v>
      </c>
      <c r="T83" s="190" t="s">
        <v>950</v>
      </c>
      <c r="U83" s="168"/>
      <c r="V83" s="44" t="s">
        <v>22</v>
      </c>
      <c r="W83" s="45" t="s">
        <v>22</v>
      </c>
      <c r="X83" s="45" t="s">
        <v>22</v>
      </c>
      <c r="Y83" s="45" t="s">
        <v>949</v>
      </c>
      <c r="Z83" s="189"/>
      <c r="AA83" s="33"/>
      <c r="AB83" s="33"/>
      <c r="AC83" s="33"/>
      <c r="AD83" s="34"/>
      <c r="AE83" s="35"/>
      <c r="AF83" s="35"/>
      <c r="AG83" s="35"/>
      <c r="AH83" s="33"/>
      <c r="AI83" s="33"/>
      <c r="AJ83" s="33"/>
      <c r="AK83" s="33"/>
      <c r="AL83" s="34"/>
      <c r="AM83" s="35"/>
      <c r="AN83" s="35"/>
      <c r="AO83" s="36"/>
    </row>
    <row r="84" spans="1:46" s="59" customFormat="1" ht="9.75" customHeight="1">
      <c r="A84" s="77"/>
      <c r="B84" s="179"/>
      <c r="C84" s="79"/>
      <c r="D84" s="179"/>
      <c r="E84" s="79"/>
      <c r="F84" s="78"/>
      <c r="G84" s="79"/>
      <c r="H84" s="80"/>
      <c r="I84" s="79"/>
      <c r="J84" s="80"/>
      <c r="K84" s="178"/>
      <c r="L84" s="79"/>
      <c r="M84" s="177"/>
      <c r="N84" s="81"/>
      <c r="O84" s="82"/>
      <c r="P84" s="314"/>
      <c r="Q84" s="313"/>
      <c r="R84" s="79"/>
      <c r="S84" s="82"/>
      <c r="T84" s="176"/>
      <c r="U84" s="82"/>
      <c r="V84" s="80"/>
      <c r="W84" s="81"/>
      <c r="X84" s="81"/>
      <c r="Y84" s="81"/>
      <c r="Z84" s="216"/>
      <c r="AA84" s="85"/>
      <c r="AB84" s="85"/>
      <c r="AC84" s="85"/>
      <c r="AD84" s="86"/>
      <c r="AE84" s="87"/>
      <c r="AF84" s="87"/>
      <c r="AG84" s="87"/>
      <c r="AH84" s="85"/>
      <c r="AI84" s="85"/>
      <c r="AJ84" s="85"/>
      <c r="AK84" s="85"/>
      <c r="AL84" s="86"/>
      <c r="AM84" s="87"/>
      <c r="AN84" s="87"/>
      <c r="AO84" s="88"/>
    </row>
    <row r="85" spans="1:46" ht="9.75" customHeight="1">
      <c r="Z85" s="39"/>
      <c r="AA85" s="39"/>
      <c r="AB85" s="39"/>
      <c r="AC85" s="39"/>
      <c r="AD85" s="39"/>
      <c r="AE85" s="39"/>
      <c r="AF85" s="39"/>
      <c r="AG85" s="39"/>
      <c r="AH85" s="39"/>
      <c r="AI85" s="39"/>
      <c r="AJ85" s="39"/>
      <c r="AK85" s="39"/>
      <c r="AL85" s="39"/>
      <c r="AM85" s="39"/>
      <c r="AN85" s="39"/>
      <c r="AO85" s="39"/>
    </row>
    <row r="88" spans="1:46" s="2" customFormat="1" ht="3.75" customHeight="1">
      <c r="A88" s="212"/>
      <c r="B88" s="212"/>
      <c r="C88" s="212"/>
      <c r="D88" s="212"/>
      <c r="E88" s="212"/>
      <c r="F88" s="212"/>
      <c r="G88" s="212"/>
      <c r="H88" s="212"/>
      <c r="I88" s="212"/>
      <c r="J88" s="212"/>
      <c r="K88" s="212"/>
      <c r="L88" s="212"/>
      <c r="M88" s="212"/>
      <c r="N88" s="212"/>
      <c r="O88" s="212"/>
      <c r="P88" s="212"/>
      <c r="Q88" s="212"/>
      <c r="R88" s="212"/>
      <c r="S88" s="212"/>
      <c r="T88" s="212"/>
      <c r="U88" s="212"/>
      <c r="V88" s="212"/>
      <c r="W88" s="212"/>
      <c r="X88" s="212"/>
      <c r="Y88" s="212"/>
      <c r="Z88" s="212"/>
      <c r="AA88" s="212"/>
      <c r="AB88" s="212"/>
      <c r="AC88" s="212"/>
      <c r="AD88" s="212"/>
      <c r="AE88" s="212"/>
      <c r="AF88" s="212"/>
      <c r="AG88" s="212"/>
      <c r="AH88" s="212"/>
      <c r="AI88" s="212"/>
      <c r="AJ88" s="212"/>
      <c r="AK88" s="212"/>
      <c r="AL88" s="212"/>
      <c r="AM88" s="212"/>
      <c r="AN88" s="212"/>
      <c r="AO88" s="212"/>
      <c r="AP88" s="212"/>
      <c r="AQ88" s="212"/>
      <c r="AR88" s="211"/>
      <c r="AS88" s="211"/>
      <c r="AT88" s="211"/>
    </row>
    <row r="89" spans="1:46" s="2" customFormat="1" ht="11.25" customHeight="1">
      <c r="A89" s="5"/>
      <c r="B89" s="5"/>
      <c r="C89" s="5"/>
      <c r="D89" s="5"/>
      <c r="E89" s="5"/>
      <c r="F89" s="5"/>
      <c r="G89" s="5"/>
      <c r="H89" s="5"/>
      <c r="I89" s="5"/>
      <c r="J89" s="5"/>
      <c r="K89" s="5"/>
      <c r="L89" s="5"/>
      <c r="M89" s="5"/>
      <c r="N89" s="5"/>
      <c r="O89" s="5"/>
      <c r="P89" s="5"/>
      <c r="Q89" s="5"/>
      <c r="R89" s="5"/>
      <c r="S89" s="5"/>
      <c r="T89" s="5"/>
      <c r="U89" s="5"/>
      <c r="V89" s="5"/>
      <c r="W89" s="5"/>
      <c r="X89" s="5"/>
      <c r="Y89" s="5"/>
      <c r="Z89" s="5"/>
      <c r="AA89" s="5"/>
      <c r="AB89" s="5"/>
      <c r="AC89" s="5"/>
      <c r="AD89" s="5"/>
      <c r="AE89" s="5"/>
      <c r="AF89" s="5"/>
      <c r="AG89" s="5"/>
      <c r="AH89" s="5"/>
      <c r="AI89" s="5"/>
      <c r="AJ89" s="5"/>
      <c r="AK89" s="5"/>
      <c r="AL89" s="5"/>
      <c r="AM89" s="5"/>
      <c r="AN89" s="5"/>
      <c r="AO89" s="5"/>
      <c r="AP89" s="5"/>
      <c r="AQ89" s="5"/>
      <c r="AR89" s="7"/>
      <c r="AS89" s="7"/>
      <c r="AT89" s="7"/>
    </row>
    <row r="90" spans="1:46" s="2" customFormat="1" ht="26.25" customHeight="1">
      <c r="A90" s="210"/>
      <c r="B90" s="8" t="s">
        <v>720</v>
      </c>
      <c r="C90" s="209"/>
      <c r="D90" s="133" t="s">
        <v>948</v>
      </c>
      <c r="E90" s="8"/>
      <c r="F90" s="8"/>
      <c r="G90" s="8"/>
      <c r="H90" s="8"/>
      <c r="I90" s="8"/>
      <c r="J90" s="8"/>
      <c r="K90" s="8"/>
      <c r="L90" s="8"/>
      <c r="M90" s="8"/>
      <c r="N90" s="8"/>
      <c r="O90" s="8"/>
      <c r="P90" s="8"/>
      <c r="Q90" s="8"/>
      <c r="R90" s="8"/>
      <c r="S90" s="8"/>
      <c r="T90" s="5"/>
      <c r="U90" s="5"/>
      <c r="V90" s="5"/>
      <c r="W90" s="5"/>
      <c r="X90" s="5"/>
      <c r="Y90" s="5"/>
      <c r="Z90" s="5"/>
      <c r="AA90" s="5"/>
      <c r="AB90" s="5"/>
      <c r="AC90" s="5"/>
      <c r="AD90" s="5"/>
      <c r="AE90" s="5"/>
      <c r="AF90" s="5"/>
      <c r="AG90" s="5"/>
      <c r="AH90" s="5"/>
      <c r="AI90" s="5"/>
      <c r="AJ90" s="5"/>
      <c r="AK90" s="5"/>
      <c r="AL90" s="5"/>
      <c r="AM90" s="5"/>
      <c r="AN90" s="5"/>
      <c r="AO90" s="208" t="s">
        <v>1</v>
      </c>
      <c r="AP90" s="5"/>
      <c r="AQ90" s="5"/>
      <c r="AR90" s="7"/>
      <c r="AS90" s="7"/>
      <c r="AT90" s="7"/>
    </row>
    <row r="91" spans="1:46" ht="14.25" customHeight="1">
      <c r="A91" s="233" t="s">
        <v>2</v>
      </c>
      <c r="B91" s="234"/>
      <c r="C91" s="239" t="s">
        <v>3</v>
      </c>
      <c r="D91" s="234"/>
      <c r="E91" s="239" t="s">
        <v>4</v>
      </c>
      <c r="F91" s="234"/>
      <c r="G91" s="242" t="s">
        <v>5</v>
      </c>
      <c r="H91" s="243"/>
      <c r="I91" s="243"/>
      <c r="J91" s="243"/>
      <c r="K91" s="243"/>
      <c r="L91" s="243"/>
      <c r="M91" s="243"/>
      <c r="N91" s="243"/>
      <c r="O91" s="243"/>
      <c r="P91" s="243"/>
      <c r="Q91" s="243"/>
      <c r="R91" s="243"/>
      <c r="S91" s="243"/>
      <c r="T91" s="290" t="s">
        <v>718</v>
      </c>
      <c r="U91" s="243" t="s">
        <v>717</v>
      </c>
      <c r="V91" s="243"/>
      <c r="W91" s="243"/>
      <c r="X91" s="244"/>
      <c r="Y91" s="275" t="s">
        <v>716</v>
      </c>
      <c r="Z91" s="239" t="s">
        <v>10</v>
      </c>
      <c r="AA91" s="251"/>
      <c r="AB91" s="251"/>
      <c r="AC91" s="251"/>
      <c r="AD91" s="251"/>
      <c r="AE91" s="251"/>
      <c r="AF91" s="251"/>
      <c r="AG91" s="251"/>
      <c r="AH91" s="251"/>
      <c r="AI91" s="251"/>
      <c r="AJ91" s="251"/>
      <c r="AK91" s="251"/>
      <c r="AL91" s="251"/>
      <c r="AM91" s="251"/>
      <c r="AN91" s="251"/>
      <c r="AO91" s="245"/>
      <c r="AP91" s="15"/>
      <c r="AQ91" s="15"/>
      <c r="AR91" s="16"/>
      <c r="AS91" s="16"/>
      <c r="AT91" s="16"/>
    </row>
    <row r="92" spans="1:46" ht="14.25" customHeight="1">
      <c r="A92" s="235"/>
      <c r="B92" s="236"/>
      <c r="C92" s="240"/>
      <c r="D92" s="236"/>
      <c r="E92" s="240"/>
      <c r="F92" s="236"/>
      <c r="G92" s="276" t="s">
        <v>11</v>
      </c>
      <c r="H92" s="254"/>
      <c r="I92" s="276" t="s">
        <v>12</v>
      </c>
      <c r="J92" s="254"/>
      <c r="K92" s="255" t="s">
        <v>715</v>
      </c>
      <c r="L92" s="279" t="s">
        <v>714</v>
      </c>
      <c r="M92" s="280"/>
      <c r="N92" s="258" t="s">
        <v>14</v>
      </c>
      <c r="O92" s="164"/>
      <c r="P92" s="261" t="s">
        <v>15</v>
      </c>
      <c r="Q92" s="261"/>
      <c r="R92" s="261"/>
      <c r="S92" s="261"/>
      <c r="T92" s="291"/>
      <c r="U92" s="285" t="s">
        <v>713</v>
      </c>
      <c r="V92" s="221"/>
      <c r="W92" s="258" t="s">
        <v>712</v>
      </c>
      <c r="X92" s="258" t="s">
        <v>711</v>
      </c>
      <c r="Y92" s="259"/>
      <c r="Z92" s="240"/>
      <c r="AA92" s="250"/>
      <c r="AB92" s="250"/>
      <c r="AC92" s="250"/>
      <c r="AD92" s="250"/>
      <c r="AE92" s="250"/>
      <c r="AF92" s="250"/>
      <c r="AG92" s="250"/>
      <c r="AH92" s="250"/>
      <c r="AI92" s="250"/>
      <c r="AJ92" s="250"/>
      <c r="AK92" s="250"/>
      <c r="AL92" s="250"/>
      <c r="AM92" s="250"/>
      <c r="AN92" s="250"/>
      <c r="AO92" s="246"/>
      <c r="AP92" s="15"/>
      <c r="AQ92" s="15"/>
      <c r="AR92" s="16"/>
      <c r="AS92" s="16"/>
      <c r="AT92" s="16"/>
    </row>
    <row r="93" spans="1:46" ht="4.5" customHeight="1">
      <c r="A93" s="235"/>
      <c r="B93" s="236"/>
      <c r="C93" s="240"/>
      <c r="D93" s="236"/>
      <c r="E93" s="240"/>
      <c r="F93" s="236"/>
      <c r="G93" s="240"/>
      <c r="H93" s="236"/>
      <c r="I93" s="240"/>
      <c r="J93" s="236"/>
      <c r="K93" s="277"/>
      <c r="L93" s="281"/>
      <c r="M93" s="282"/>
      <c r="N93" s="259"/>
      <c r="O93" s="165"/>
      <c r="P93" s="263" t="s">
        <v>16</v>
      </c>
      <c r="Q93" s="254"/>
      <c r="R93" s="253" t="s">
        <v>17</v>
      </c>
      <c r="S93" s="263"/>
      <c r="T93" s="291"/>
      <c r="U93" s="286"/>
      <c r="V93" s="287"/>
      <c r="W93" s="259"/>
      <c r="X93" s="259"/>
      <c r="Y93" s="259"/>
      <c r="Z93" s="240"/>
      <c r="AA93" s="250"/>
      <c r="AB93" s="250"/>
      <c r="AC93" s="250"/>
      <c r="AD93" s="250"/>
      <c r="AE93" s="250"/>
      <c r="AF93" s="250"/>
      <c r="AG93" s="250"/>
      <c r="AH93" s="250"/>
      <c r="AI93" s="250"/>
      <c r="AJ93" s="250"/>
      <c r="AK93" s="250"/>
      <c r="AL93" s="250"/>
      <c r="AM93" s="250"/>
      <c r="AN93" s="250"/>
      <c r="AO93" s="246"/>
      <c r="AP93" s="15"/>
      <c r="AQ93" s="15"/>
      <c r="AR93" s="16"/>
      <c r="AS93" s="16"/>
      <c r="AT93" s="16"/>
    </row>
    <row r="94" spans="1:46" ht="9" customHeight="1">
      <c r="A94" s="237"/>
      <c r="B94" s="238"/>
      <c r="C94" s="241"/>
      <c r="D94" s="238"/>
      <c r="E94" s="241"/>
      <c r="F94" s="238"/>
      <c r="G94" s="241"/>
      <c r="H94" s="238"/>
      <c r="I94" s="241"/>
      <c r="J94" s="238"/>
      <c r="K94" s="278"/>
      <c r="L94" s="283"/>
      <c r="M94" s="284"/>
      <c r="N94" s="260"/>
      <c r="O94" s="166"/>
      <c r="P94" s="252"/>
      <c r="Q94" s="238"/>
      <c r="R94" s="241"/>
      <c r="S94" s="252"/>
      <c r="T94" s="292"/>
      <c r="U94" s="288"/>
      <c r="V94" s="289"/>
      <c r="W94" s="260"/>
      <c r="X94" s="260"/>
      <c r="Y94" s="260"/>
      <c r="Z94" s="241"/>
      <c r="AA94" s="252"/>
      <c r="AB94" s="252"/>
      <c r="AC94" s="252"/>
      <c r="AD94" s="252"/>
      <c r="AE94" s="252"/>
      <c r="AF94" s="252"/>
      <c r="AG94" s="252"/>
      <c r="AH94" s="252"/>
      <c r="AI94" s="252"/>
      <c r="AJ94" s="252"/>
      <c r="AK94" s="252"/>
      <c r="AL94" s="252"/>
      <c r="AM94" s="252"/>
      <c r="AN94" s="252"/>
      <c r="AO94" s="247"/>
      <c r="AP94" s="15"/>
      <c r="AQ94" s="15"/>
      <c r="AR94" s="16"/>
      <c r="AS94" s="16"/>
      <c r="AT94" s="16"/>
    </row>
    <row r="95" spans="1:46" s="39" customFormat="1" ht="9" customHeight="1">
      <c r="A95" s="23"/>
      <c r="B95" s="24"/>
      <c r="C95" s="25"/>
      <c r="D95" s="24"/>
      <c r="E95" s="25"/>
      <c r="F95" s="24"/>
      <c r="G95" s="26"/>
      <c r="H95" s="27" t="s">
        <v>18</v>
      </c>
      <c r="I95" s="26"/>
      <c r="J95" s="27" t="s">
        <v>18</v>
      </c>
      <c r="K95" s="28" t="s">
        <v>18</v>
      </c>
      <c r="L95" s="26"/>
      <c r="M95" s="27" t="s">
        <v>18</v>
      </c>
      <c r="N95" s="29" t="s">
        <v>18</v>
      </c>
      <c r="O95" s="35"/>
      <c r="P95" s="35"/>
      <c r="Q95" s="27"/>
      <c r="R95" s="26"/>
      <c r="S95" s="35" t="s">
        <v>18</v>
      </c>
      <c r="T95" s="207" t="s">
        <v>18</v>
      </c>
      <c r="U95" s="35"/>
      <c r="V95" s="27" t="s">
        <v>18</v>
      </c>
      <c r="W95" s="28" t="s">
        <v>18</v>
      </c>
      <c r="X95" s="28" t="s">
        <v>18</v>
      </c>
      <c r="Y95" s="28" t="s">
        <v>18</v>
      </c>
      <c r="Z95" s="195"/>
      <c r="AA95" s="33"/>
      <c r="AB95" s="33"/>
      <c r="AC95" s="33"/>
      <c r="AD95" s="34"/>
      <c r="AE95" s="35"/>
      <c r="AF95" s="35"/>
      <c r="AG95" s="35"/>
      <c r="AH95" s="33"/>
      <c r="AI95" s="33"/>
      <c r="AJ95" s="33"/>
      <c r="AK95" s="33"/>
      <c r="AL95" s="34"/>
      <c r="AM95" s="35"/>
      <c r="AN95" s="35"/>
      <c r="AO95" s="36"/>
      <c r="AP95" s="37"/>
      <c r="AQ95" s="37"/>
      <c r="AR95" s="38"/>
      <c r="AS95" s="38"/>
      <c r="AT95" s="38"/>
    </row>
    <row r="96" spans="1:46" s="59" customFormat="1" ht="9.75" customHeight="1">
      <c r="A96" s="40"/>
      <c r="B96" s="194"/>
      <c r="C96" s="169"/>
      <c r="D96" s="194"/>
      <c r="E96" s="169"/>
      <c r="F96" s="41"/>
      <c r="G96" s="169"/>
      <c r="H96" s="44"/>
      <c r="I96" s="169"/>
      <c r="J96" s="44"/>
      <c r="K96" s="192"/>
      <c r="L96" s="169"/>
      <c r="M96" s="191"/>
      <c r="N96" s="45"/>
      <c r="O96" s="168"/>
      <c r="P96" s="312" t="s">
        <v>680</v>
      </c>
      <c r="Q96" s="311" t="s">
        <v>679</v>
      </c>
      <c r="R96" s="169"/>
      <c r="S96" s="168"/>
      <c r="T96" s="190"/>
      <c r="U96" s="168"/>
      <c r="V96" s="44"/>
      <c r="W96" s="45"/>
      <c r="X96" s="45"/>
      <c r="Y96" s="45"/>
      <c r="Z96" s="189" t="s">
        <v>1</v>
      </c>
      <c r="AA96" s="33"/>
      <c r="AB96" s="33"/>
      <c r="AC96" s="33"/>
      <c r="AD96" s="34"/>
      <c r="AE96" s="35"/>
      <c r="AF96" s="35"/>
      <c r="AG96" s="35"/>
      <c r="AH96" s="33"/>
      <c r="AI96" s="33"/>
      <c r="AJ96" s="33"/>
      <c r="AK96" s="33"/>
      <c r="AL96" s="34"/>
      <c r="AM96" s="35"/>
      <c r="AN96" s="35"/>
      <c r="AO96" s="36"/>
    </row>
    <row r="97" spans="1:41" s="59" customFormat="1" ht="9.75" customHeight="1">
      <c r="A97" s="40"/>
      <c r="B97" s="194"/>
      <c r="C97" s="169"/>
      <c r="D97" s="194"/>
      <c r="E97" s="169"/>
      <c r="F97" s="41"/>
      <c r="G97" s="169"/>
      <c r="H97" s="44"/>
      <c r="I97" s="169"/>
      <c r="J97" s="44"/>
      <c r="K97" s="192"/>
      <c r="L97" s="169"/>
      <c r="M97" s="191"/>
      <c r="N97" s="45"/>
      <c r="O97" s="168"/>
      <c r="P97" s="228"/>
      <c r="Q97" s="222"/>
      <c r="R97" s="169"/>
      <c r="S97" s="168" t="s">
        <v>947</v>
      </c>
      <c r="T97" s="190" t="s">
        <v>946</v>
      </c>
      <c r="U97" s="168"/>
      <c r="V97" s="44" t="s">
        <v>22</v>
      </c>
      <c r="W97" s="45" t="s">
        <v>22</v>
      </c>
      <c r="X97" s="45" t="s">
        <v>22</v>
      </c>
      <c r="Y97" s="45" t="s">
        <v>945</v>
      </c>
      <c r="Z97" s="189"/>
      <c r="AA97" s="33"/>
      <c r="AB97" s="33"/>
      <c r="AC97" s="33"/>
      <c r="AD97" s="34"/>
      <c r="AE97" s="35"/>
      <c r="AF97" s="35"/>
      <c r="AG97" s="35"/>
      <c r="AH97" s="33"/>
      <c r="AI97" s="33"/>
      <c r="AJ97" s="33"/>
      <c r="AK97" s="33"/>
      <c r="AL97" s="34"/>
      <c r="AM97" s="35"/>
      <c r="AN97" s="35"/>
      <c r="AO97" s="36"/>
    </row>
    <row r="98" spans="1:41" s="59" customFormat="1" ht="9.75" customHeight="1">
      <c r="A98" s="40"/>
      <c r="B98" s="194"/>
      <c r="C98" s="169"/>
      <c r="D98" s="194"/>
      <c r="E98" s="169"/>
      <c r="F98" s="41"/>
      <c r="G98" s="169"/>
      <c r="H98" s="44"/>
      <c r="I98" s="169"/>
      <c r="J98" s="44"/>
      <c r="K98" s="192"/>
      <c r="L98" s="169"/>
      <c r="M98" s="191"/>
      <c r="N98" s="45"/>
      <c r="O98" s="168"/>
      <c r="P98" s="229"/>
      <c r="Q98" s="223"/>
      <c r="R98" s="169"/>
      <c r="S98" s="168"/>
      <c r="T98" s="190"/>
      <c r="U98" s="168"/>
      <c r="V98" s="44"/>
      <c r="W98" s="45"/>
      <c r="X98" s="45"/>
      <c r="Y98" s="45"/>
      <c r="Z98" s="189"/>
      <c r="AA98" s="33"/>
      <c r="AB98" s="33"/>
      <c r="AC98" s="33"/>
      <c r="AD98" s="34"/>
      <c r="AE98" s="35"/>
      <c r="AF98" s="35"/>
      <c r="AG98" s="35"/>
      <c r="AH98" s="33"/>
      <c r="AI98" s="33"/>
      <c r="AJ98" s="33"/>
      <c r="AK98" s="33"/>
      <c r="AL98" s="34"/>
      <c r="AM98" s="35"/>
      <c r="AN98" s="35"/>
      <c r="AO98" s="36"/>
    </row>
    <row r="99" spans="1:41" s="59" customFormat="1" ht="9.75" customHeight="1">
      <c r="A99" s="40"/>
      <c r="B99" s="193"/>
      <c r="C99" s="169"/>
      <c r="D99" s="170"/>
      <c r="E99" s="218" t="s">
        <v>31</v>
      </c>
      <c r="F99" s="221" t="s">
        <v>944</v>
      </c>
      <c r="G99" s="162"/>
      <c r="H99" s="69"/>
      <c r="I99" s="162"/>
      <c r="J99" s="69"/>
      <c r="K99" s="198"/>
      <c r="L99" s="162"/>
      <c r="M99" s="197"/>
      <c r="N99" s="70"/>
      <c r="O99" s="167"/>
      <c r="P99" s="167"/>
      <c r="Q99" s="68"/>
      <c r="R99" s="162"/>
      <c r="S99" s="167"/>
      <c r="T99" s="196"/>
      <c r="U99" s="167"/>
      <c r="V99" s="69"/>
      <c r="W99" s="70"/>
      <c r="X99" s="70"/>
      <c r="Y99" s="70"/>
      <c r="Z99" s="195" t="s">
        <v>1</v>
      </c>
      <c r="AA99" s="74"/>
      <c r="AB99" s="74"/>
      <c r="AC99" s="74"/>
      <c r="AD99" s="75"/>
      <c r="AE99" s="25"/>
      <c r="AF99" s="25"/>
      <c r="AG99" s="25"/>
      <c r="AH99" s="74"/>
      <c r="AI99" s="74"/>
      <c r="AJ99" s="74"/>
      <c r="AK99" s="74"/>
      <c r="AL99" s="75"/>
      <c r="AM99" s="25"/>
      <c r="AN99" s="25"/>
      <c r="AO99" s="32"/>
    </row>
    <row r="100" spans="1:41" s="59" customFormat="1" ht="9.75" customHeight="1">
      <c r="A100" s="40"/>
      <c r="B100" s="193"/>
      <c r="C100" s="169"/>
      <c r="D100" s="193"/>
      <c r="E100" s="219"/>
      <c r="F100" s="222"/>
      <c r="G100" s="169"/>
      <c r="H100" s="44" t="s">
        <v>943</v>
      </c>
      <c r="I100" s="169" t="s">
        <v>23</v>
      </c>
      <c r="J100" s="44" t="s">
        <v>942</v>
      </c>
      <c r="K100" s="192" t="s">
        <v>22</v>
      </c>
      <c r="L100" s="169"/>
      <c r="M100" s="191" t="s">
        <v>22</v>
      </c>
      <c r="N100" s="45" t="s">
        <v>941</v>
      </c>
      <c r="O100" s="168"/>
      <c r="P100" s="168"/>
      <c r="Q100" s="41"/>
      <c r="R100" s="169"/>
      <c r="S100" s="168"/>
      <c r="T100" s="190" t="s">
        <v>940</v>
      </c>
      <c r="U100" s="168"/>
      <c r="V100" s="44" t="s">
        <v>22</v>
      </c>
      <c r="W100" s="45" t="s">
        <v>22</v>
      </c>
      <c r="X100" s="45" t="s">
        <v>22</v>
      </c>
      <c r="Y100" s="45" t="s">
        <v>939</v>
      </c>
      <c r="Z100" s="189"/>
      <c r="AA100" s="33"/>
      <c r="AB100" s="33"/>
      <c r="AC100" s="33"/>
      <c r="AD100" s="34"/>
      <c r="AE100" s="35"/>
      <c r="AF100" s="35"/>
      <c r="AG100" s="35"/>
      <c r="AH100" s="33"/>
      <c r="AI100" s="33"/>
      <c r="AJ100" s="33"/>
      <c r="AK100" s="33"/>
      <c r="AL100" s="34"/>
      <c r="AM100" s="35"/>
      <c r="AN100" s="35"/>
      <c r="AO100" s="36"/>
    </row>
    <row r="101" spans="1:41" s="59" customFormat="1" ht="9.75" customHeight="1">
      <c r="A101" s="40"/>
      <c r="B101" s="193"/>
      <c r="C101" s="169"/>
      <c r="D101" s="193"/>
      <c r="E101" s="219"/>
      <c r="F101" s="222"/>
      <c r="G101" s="169"/>
      <c r="H101" s="44"/>
      <c r="I101" s="169"/>
      <c r="J101" s="44"/>
      <c r="K101" s="192"/>
      <c r="L101" s="169"/>
      <c r="M101" s="191"/>
      <c r="N101" s="45"/>
      <c r="O101" s="168"/>
      <c r="P101" s="168"/>
      <c r="Q101" s="41"/>
      <c r="R101" s="169"/>
      <c r="S101" s="168"/>
      <c r="T101" s="190"/>
      <c r="U101" s="168"/>
      <c r="V101" s="44"/>
      <c r="W101" s="45"/>
      <c r="X101" s="45"/>
      <c r="Y101" s="45"/>
      <c r="Z101" s="189"/>
      <c r="AA101" s="33"/>
      <c r="AB101" s="33"/>
      <c r="AC101" s="33"/>
      <c r="AD101" s="34"/>
      <c r="AE101" s="35"/>
      <c r="AF101" s="35"/>
      <c r="AG101" s="35"/>
      <c r="AH101" s="33"/>
      <c r="AI101" s="33"/>
      <c r="AJ101" s="33"/>
      <c r="AK101" s="33"/>
      <c r="AL101" s="34"/>
      <c r="AM101" s="35"/>
      <c r="AN101" s="35"/>
      <c r="AO101" s="36"/>
    </row>
    <row r="102" spans="1:41" s="59" customFormat="1" ht="9.75" customHeight="1">
      <c r="A102" s="40"/>
      <c r="B102" s="194"/>
      <c r="C102" s="169"/>
      <c r="D102" s="193"/>
      <c r="E102" s="169"/>
      <c r="F102" s="170"/>
      <c r="G102" s="169"/>
      <c r="H102" s="44"/>
      <c r="I102" s="169"/>
      <c r="J102" s="44"/>
      <c r="K102" s="192"/>
      <c r="L102" s="169"/>
      <c r="M102" s="191"/>
      <c r="N102" s="45"/>
      <c r="O102" s="168"/>
      <c r="P102" s="227" t="s">
        <v>21</v>
      </c>
      <c r="Q102" s="221" t="s">
        <v>938</v>
      </c>
      <c r="R102" s="162"/>
      <c r="S102" s="167"/>
      <c r="T102" s="196"/>
      <c r="U102" s="167"/>
      <c r="V102" s="69"/>
      <c r="W102" s="70"/>
      <c r="X102" s="70"/>
      <c r="Y102" s="70"/>
      <c r="Z102" s="195" t="s">
        <v>1</v>
      </c>
      <c r="AA102" s="74"/>
      <c r="AB102" s="74"/>
      <c r="AC102" s="74"/>
      <c r="AD102" s="75"/>
      <c r="AE102" s="25"/>
      <c r="AF102" s="25"/>
      <c r="AG102" s="25"/>
      <c r="AH102" s="74"/>
      <c r="AI102" s="74"/>
      <c r="AJ102" s="74"/>
      <c r="AK102" s="74"/>
      <c r="AL102" s="75"/>
      <c r="AM102" s="25"/>
      <c r="AN102" s="25"/>
      <c r="AO102" s="32"/>
    </row>
    <row r="103" spans="1:41" s="59" customFormat="1" ht="9.75" customHeight="1">
      <c r="A103" s="40"/>
      <c r="B103" s="194"/>
      <c r="C103" s="169"/>
      <c r="D103" s="193"/>
      <c r="E103" s="169"/>
      <c r="F103" s="170"/>
      <c r="G103" s="169"/>
      <c r="H103" s="44"/>
      <c r="I103" s="169"/>
      <c r="J103" s="44"/>
      <c r="K103" s="192"/>
      <c r="L103" s="169"/>
      <c r="M103" s="191"/>
      <c r="N103" s="45"/>
      <c r="O103" s="168"/>
      <c r="P103" s="228"/>
      <c r="Q103" s="222"/>
      <c r="R103" s="169"/>
      <c r="S103" s="168" t="s">
        <v>937</v>
      </c>
      <c r="T103" s="190" t="s">
        <v>936</v>
      </c>
      <c r="U103" s="168"/>
      <c r="V103" s="44" t="s">
        <v>22</v>
      </c>
      <c r="W103" s="45" t="s">
        <v>22</v>
      </c>
      <c r="X103" s="45" t="s">
        <v>22</v>
      </c>
      <c r="Y103" s="45" t="s">
        <v>935</v>
      </c>
      <c r="Z103" s="189"/>
      <c r="AA103" s="33"/>
      <c r="AB103" s="33"/>
      <c r="AC103" s="33"/>
      <c r="AD103" s="34"/>
      <c r="AE103" s="35"/>
      <c r="AF103" s="35"/>
      <c r="AG103" s="35"/>
      <c r="AH103" s="33"/>
      <c r="AI103" s="33"/>
      <c r="AJ103" s="33"/>
      <c r="AK103" s="33"/>
      <c r="AL103" s="34"/>
      <c r="AM103" s="35"/>
      <c r="AN103" s="35"/>
      <c r="AO103" s="36"/>
    </row>
    <row r="104" spans="1:41" s="59" customFormat="1" ht="9.75" customHeight="1">
      <c r="A104" s="40"/>
      <c r="B104" s="194"/>
      <c r="C104" s="169"/>
      <c r="D104" s="193"/>
      <c r="E104" s="169"/>
      <c r="F104" s="170"/>
      <c r="G104" s="169"/>
      <c r="H104" s="44"/>
      <c r="I104" s="169"/>
      <c r="J104" s="44"/>
      <c r="K104" s="192"/>
      <c r="L104" s="169"/>
      <c r="M104" s="191"/>
      <c r="N104" s="45"/>
      <c r="O104" s="168"/>
      <c r="P104" s="229"/>
      <c r="Q104" s="223"/>
      <c r="R104" s="169"/>
      <c r="S104" s="168"/>
      <c r="T104" s="190"/>
      <c r="U104" s="168"/>
      <c r="V104" s="44"/>
      <c r="W104" s="45"/>
      <c r="X104" s="45"/>
      <c r="Y104" s="45"/>
      <c r="Z104" s="189"/>
      <c r="AA104" s="33"/>
      <c r="AB104" s="33"/>
      <c r="AC104" s="33"/>
      <c r="AD104" s="34"/>
      <c r="AE104" s="35"/>
      <c r="AF104" s="35"/>
      <c r="AG104" s="35"/>
      <c r="AH104" s="33"/>
      <c r="AI104" s="33"/>
      <c r="AJ104" s="33"/>
      <c r="AK104" s="33"/>
      <c r="AL104" s="34"/>
      <c r="AM104" s="35"/>
      <c r="AN104" s="35"/>
      <c r="AO104" s="36"/>
    </row>
    <row r="105" spans="1:41" s="59" customFormat="1" ht="9.75" customHeight="1">
      <c r="A105" s="40"/>
      <c r="B105" s="194"/>
      <c r="C105" s="169"/>
      <c r="D105" s="194"/>
      <c r="E105" s="169"/>
      <c r="F105" s="170"/>
      <c r="G105" s="169"/>
      <c r="H105" s="44"/>
      <c r="I105" s="169"/>
      <c r="J105" s="44"/>
      <c r="K105" s="192"/>
      <c r="L105" s="169"/>
      <c r="M105" s="191"/>
      <c r="N105" s="45"/>
      <c r="O105" s="168"/>
      <c r="P105" s="227" t="s">
        <v>31</v>
      </c>
      <c r="Q105" s="221" t="s">
        <v>900</v>
      </c>
      <c r="R105" s="162"/>
      <c r="S105" s="167"/>
      <c r="T105" s="196"/>
      <c r="U105" s="167"/>
      <c r="V105" s="69"/>
      <c r="W105" s="70"/>
      <c r="X105" s="70"/>
      <c r="Y105" s="70"/>
      <c r="Z105" s="195" t="s">
        <v>1</v>
      </c>
      <c r="AA105" s="74"/>
      <c r="AB105" s="74"/>
      <c r="AC105" s="74"/>
      <c r="AD105" s="75"/>
      <c r="AE105" s="25"/>
      <c r="AF105" s="25"/>
      <c r="AG105" s="25"/>
      <c r="AH105" s="74"/>
      <c r="AI105" s="74"/>
      <c r="AJ105" s="74"/>
      <c r="AK105" s="74"/>
      <c r="AL105" s="75"/>
      <c r="AM105" s="25"/>
      <c r="AN105" s="25"/>
      <c r="AO105" s="32"/>
    </row>
    <row r="106" spans="1:41" s="59" customFormat="1" ht="9.75" customHeight="1">
      <c r="A106" s="40"/>
      <c r="B106" s="194"/>
      <c r="C106" s="169"/>
      <c r="D106" s="194"/>
      <c r="E106" s="169"/>
      <c r="F106" s="170"/>
      <c r="G106" s="169"/>
      <c r="H106" s="44"/>
      <c r="I106" s="169"/>
      <c r="J106" s="44"/>
      <c r="K106" s="192"/>
      <c r="L106" s="169"/>
      <c r="M106" s="191"/>
      <c r="N106" s="45"/>
      <c r="O106" s="168"/>
      <c r="P106" s="228"/>
      <c r="Q106" s="222"/>
      <c r="R106" s="169"/>
      <c r="S106" s="168" t="s">
        <v>934</v>
      </c>
      <c r="T106" s="190" t="s">
        <v>934</v>
      </c>
      <c r="U106" s="168"/>
      <c r="V106" s="44" t="s">
        <v>22</v>
      </c>
      <c r="W106" s="45" t="s">
        <v>22</v>
      </c>
      <c r="X106" s="45" t="s">
        <v>22</v>
      </c>
      <c r="Y106" s="45" t="s">
        <v>22</v>
      </c>
      <c r="Z106" s="189"/>
      <c r="AA106" s="33"/>
      <c r="AB106" s="33"/>
      <c r="AC106" s="33"/>
      <c r="AD106" s="34"/>
      <c r="AE106" s="35"/>
      <c r="AF106" s="35"/>
      <c r="AG106" s="35"/>
      <c r="AH106" s="33"/>
      <c r="AI106" s="33"/>
      <c r="AJ106" s="33"/>
      <c r="AK106" s="33"/>
      <c r="AL106" s="34"/>
      <c r="AM106" s="35"/>
      <c r="AN106" s="35"/>
      <c r="AO106" s="36"/>
    </row>
    <row r="107" spans="1:41" s="59" customFormat="1" ht="9.75" customHeight="1">
      <c r="A107" s="40"/>
      <c r="B107" s="194"/>
      <c r="C107" s="169"/>
      <c r="D107" s="194"/>
      <c r="E107" s="169"/>
      <c r="F107" s="170"/>
      <c r="G107" s="169"/>
      <c r="H107" s="44"/>
      <c r="I107" s="169"/>
      <c r="J107" s="44"/>
      <c r="K107" s="192"/>
      <c r="L107" s="169"/>
      <c r="M107" s="191"/>
      <c r="N107" s="45"/>
      <c r="O107" s="168"/>
      <c r="P107" s="229"/>
      <c r="Q107" s="223"/>
      <c r="R107" s="169"/>
      <c r="S107" s="168"/>
      <c r="T107" s="190"/>
      <c r="U107" s="168"/>
      <c r="V107" s="44"/>
      <c r="W107" s="45"/>
      <c r="X107" s="45"/>
      <c r="Y107" s="45"/>
      <c r="Z107" s="189"/>
      <c r="AA107" s="33"/>
      <c r="AB107" s="33"/>
      <c r="AC107" s="33"/>
      <c r="AD107" s="34"/>
      <c r="AE107" s="35"/>
      <c r="AF107" s="35"/>
      <c r="AG107" s="35"/>
      <c r="AH107" s="33"/>
      <c r="AI107" s="33"/>
      <c r="AJ107" s="33"/>
      <c r="AK107" s="33"/>
      <c r="AL107" s="34"/>
      <c r="AM107" s="35"/>
      <c r="AN107" s="35"/>
      <c r="AO107" s="36"/>
    </row>
    <row r="108" spans="1:41" s="59" customFormat="1" ht="9.75" customHeight="1">
      <c r="A108" s="40"/>
      <c r="B108" s="194"/>
      <c r="C108" s="169"/>
      <c r="D108" s="194"/>
      <c r="E108" s="169"/>
      <c r="F108" s="41"/>
      <c r="G108" s="169"/>
      <c r="H108" s="44"/>
      <c r="I108" s="169"/>
      <c r="J108" s="44"/>
      <c r="K108" s="192"/>
      <c r="L108" s="169"/>
      <c r="M108" s="191"/>
      <c r="N108" s="45"/>
      <c r="O108" s="168"/>
      <c r="P108" s="227" t="s">
        <v>35</v>
      </c>
      <c r="Q108" s="221" t="s">
        <v>788</v>
      </c>
      <c r="R108" s="162"/>
      <c r="S108" s="167"/>
      <c r="T108" s="196"/>
      <c r="U108" s="167"/>
      <c r="V108" s="69"/>
      <c r="W108" s="70"/>
      <c r="X108" s="70"/>
      <c r="Y108" s="70"/>
      <c r="Z108" s="195" t="s">
        <v>1</v>
      </c>
      <c r="AA108" s="74"/>
      <c r="AB108" s="74"/>
      <c r="AC108" s="74"/>
      <c r="AD108" s="75"/>
      <c r="AE108" s="25"/>
      <c r="AF108" s="25"/>
      <c r="AG108" s="25"/>
      <c r="AH108" s="74"/>
      <c r="AI108" s="74"/>
      <c r="AJ108" s="74"/>
      <c r="AK108" s="74"/>
      <c r="AL108" s="75"/>
      <c r="AM108" s="25"/>
      <c r="AN108" s="25"/>
      <c r="AO108" s="32"/>
    </row>
    <row r="109" spans="1:41" s="59" customFormat="1" ht="9.75" customHeight="1">
      <c r="A109" s="40"/>
      <c r="B109" s="194"/>
      <c r="C109" s="169"/>
      <c r="D109" s="194"/>
      <c r="E109" s="169"/>
      <c r="F109" s="41"/>
      <c r="G109" s="169"/>
      <c r="H109" s="44"/>
      <c r="I109" s="169"/>
      <c r="J109" s="44"/>
      <c r="K109" s="192"/>
      <c r="L109" s="169"/>
      <c r="M109" s="191"/>
      <c r="N109" s="45"/>
      <c r="O109" s="168"/>
      <c r="P109" s="228"/>
      <c r="Q109" s="222"/>
      <c r="R109" s="169"/>
      <c r="S109" s="168" t="s">
        <v>933</v>
      </c>
      <c r="T109" s="190" t="s">
        <v>932</v>
      </c>
      <c r="U109" s="168"/>
      <c r="V109" s="44" t="s">
        <v>22</v>
      </c>
      <c r="W109" s="45" t="s">
        <v>22</v>
      </c>
      <c r="X109" s="45" t="s">
        <v>22</v>
      </c>
      <c r="Y109" s="45" t="s">
        <v>931</v>
      </c>
      <c r="Z109" s="189"/>
      <c r="AA109" s="33"/>
      <c r="AB109" s="33"/>
      <c r="AC109" s="33"/>
      <c r="AD109" s="34"/>
      <c r="AE109" s="35"/>
      <c r="AF109" s="35"/>
      <c r="AG109" s="35"/>
      <c r="AH109" s="33"/>
      <c r="AI109" s="33"/>
      <c r="AJ109" s="33"/>
      <c r="AK109" s="33"/>
      <c r="AL109" s="34"/>
      <c r="AM109" s="35"/>
      <c r="AN109" s="35"/>
      <c r="AO109" s="36"/>
    </row>
    <row r="110" spans="1:41" s="59" customFormat="1" ht="9.75" customHeight="1">
      <c r="A110" s="40"/>
      <c r="B110" s="194"/>
      <c r="C110" s="169"/>
      <c r="D110" s="194"/>
      <c r="E110" s="169"/>
      <c r="F110" s="41"/>
      <c r="G110" s="169"/>
      <c r="H110" s="44"/>
      <c r="I110" s="169"/>
      <c r="J110" s="44"/>
      <c r="K110" s="192"/>
      <c r="L110" s="169"/>
      <c r="M110" s="191"/>
      <c r="N110" s="45"/>
      <c r="O110" s="168"/>
      <c r="P110" s="229"/>
      <c r="Q110" s="223"/>
      <c r="R110" s="169"/>
      <c r="S110" s="168"/>
      <c r="T110" s="190"/>
      <c r="U110" s="168"/>
      <c r="V110" s="44"/>
      <c r="W110" s="45"/>
      <c r="X110" s="45"/>
      <c r="Y110" s="45"/>
      <c r="Z110" s="189"/>
      <c r="AA110" s="33"/>
      <c r="AB110" s="33"/>
      <c r="AC110" s="33"/>
      <c r="AD110" s="34"/>
      <c r="AE110" s="35"/>
      <c r="AF110" s="35"/>
      <c r="AG110" s="35"/>
      <c r="AH110" s="33"/>
      <c r="AI110" s="33"/>
      <c r="AJ110" s="33"/>
      <c r="AK110" s="33"/>
      <c r="AL110" s="34"/>
      <c r="AM110" s="35"/>
      <c r="AN110" s="35"/>
      <c r="AO110" s="36"/>
    </row>
    <row r="111" spans="1:41" s="59" customFormat="1" ht="9.75" customHeight="1">
      <c r="A111" s="40"/>
      <c r="B111" s="194"/>
      <c r="C111" s="169"/>
      <c r="D111" s="194"/>
      <c r="E111" s="169"/>
      <c r="F111" s="41"/>
      <c r="G111" s="169"/>
      <c r="H111" s="44"/>
      <c r="I111" s="169"/>
      <c r="J111" s="44"/>
      <c r="K111" s="192"/>
      <c r="L111" s="169"/>
      <c r="M111" s="191"/>
      <c r="N111" s="45"/>
      <c r="O111" s="168"/>
      <c r="P111" s="227" t="s">
        <v>36</v>
      </c>
      <c r="Q111" s="221" t="s">
        <v>833</v>
      </c>
      <c r="R111" s="162"/>
      <c r="S111" s="167"/>
      <c r="T111" s="196"/>
      <c r="U111" s="167"/>
      <c r="V111" s="69"/>
      <c r="W111" s="70"/>
      <c r="X111" s="70"/>
      <c r="Y111" s="70"/>
      <c r="Z111" s="195" t="s">
        <v>1</v>
      </c>
      <c r="AA111" s="74"/>
      <c r="AB111" s="74"/>
      <c r="AC111" s="74"/>
      <c r="AD111" s="75"/>
      <c r="AE111" s="25"/>
      <c r="AF111" s="25"/>
      <c r="AG111" s="25"/>
      <c r="AH111" s="74"/>
      <c r="AI111" s="74"/>
      <c r="AJ111" s="74"/>
      <c r="AK111" s="74"/>
      <c r="AL111" s="75"/>
      <c r="AM111" s="25"/>
      <c r="AN111" s="25"/>
      <c r="AO111" s="32"/>
    </row>
    <row r="112" spans="1:41" s="59" customFormat="1" ht="9.75" customHeight="1">
      <c r="A112" s="40"/>
      <c r="B112" s="194"/>
      <c r="C112" s="169"/>
      <c r="D112" s="194"/>
      <c r="E112" s="169"/>
      <c r="F112" s="41"/>
      <c r="G112" s="169"/>
      <c r="H112" s="44"/>
      <c r="I112" s="169"/>
      <c r="J112" s="44"/>
      <c r="K112" s="192"/>
      <c r="L112" s="169"/>
      <c r="M112" s="191"/>
      <c r="N112" s="45"/>
      <c r="O112" s="168"/>
      <c r="P112" s="228"/>
      <c r="Q112" s="222"/>
      <c r="R112" s="169"/>
      <c r="S112" s="168" t="s">
        <v>930</v>
      </c>
      <c r="T112" s="190" t="s">
        <v>929</v>
      </c>
      <c r="U112" s="168"/>
      <c r="V112" s="44" t="s">
        <v>22</v>
      </c>
      <c r="W112" s="45" t="s">
        <v>22</v>
      </c>
      <c r="X112" s="45" t="s">
        <v>22</v>
      </c>
      <c r="Y112" s="45" t="s">
        <v>739</v>
      </c>
      <c r="Z112" s="189"/>
      <c r="AA112" s="33"/>
      <c r="AB112" s="33"/>
      <c r="AC112" s="33"/>
      <c r="AD112" s="34"/>
      <c r="AE112" s="35"/>
      <c r="AF112" s="35"/>
      <c r="AG112" s="35"/>
      <c r="AH112" s="33"/>
      <c r="AI112" s="33"/>
      <c r="AJ112" s="33"/>
      <c r="AK112" s="33"/>
      <c r="AL112" s="34"/>
      <c r="AM112" s="35"/>
      <c r="AN112" s="35"/>
      <c r="AO112" s="36"/>
    </row>
    <row r="113" spans="1:41" s="59" customFormat="1" ht="9.75" customHeight="1">
      <c r="A113" s="40"/>
      <c r="B113" s="194"/>
      <c r="C113" s="169"/>
      <c r="D113" s="194"/>
      <c r="E113" s="169"/>
      <c r="F113" s="41"/>
      <c r="G113" s="169"/>
      <c r="H113" s="44"/>
      <c r="I113" s="169"/>
      <c r="J113" s="44"/>
      <c r="K113" s="192"/>
      <c r="L113" s="169"/>
      <c r="M113" s="191"/>
      <c r="N113" s="45"/>
      <c r="O113" s="168"/>
      <c r="P113" s="229"/>
      <c r="Q113" s="223"/>
      <c r="R113" s="169"/>
      <c r="S113" s="168"/>
      <c r="T113" s="190"/>
      <c r="U113" s="168"/>
      <c r="V113" s="44"/>
      <c r="W113" s="45"/>
      <c r="X113" s="45"/>
      <c r="Y113" s="45"/>
      <c r="Z113" s="189"/>
      <c r="AA113" s="33"/>
      <c r="AB113" s="33"/>
      <c r="AC113" s="33"/>
      <c r="AD113" s="34"/>
      <c r="AE113" s="35"/>
      <c r="AF113" s="35"/>
      <c r="AG113" s="35"/>
      <c r="AH113" s="33"/>
      <c r="AI113" s="33"/>
      <c r="AJ113" s="33"/>
      <c r="AK113" s="33"/>
      <c r="AL113" s="34"/>
      <c r="AM113" s="35"/>
      <c r="AN113" s="35"/>
      <c r="AO113" s="36"/>
    </row>
    <row r="114" spans="1:41" s="59" customFormat="1" ht="9.75" customHeight="1">
      <c r="A114" s="40"/>
      <c r="B114" s="194"/>
      <c r="C114" s="169"/>
      <c r="D114" s="194"/>
      <c r="E114" s="169"/>
      <c r="F114" s="41"/>
      <c r="G114" s="169"/>
      <c r="H114" s="44"/>
      <c r="I114" s="169"/>
      <c r="J114" s="44"/>
      <c r="K114" s="192"/>
      <c r="L114" s="169"/>
      <c r="M114" s="191"/>
      <c r="N114" s="45"/>
      <c r="O114" s="168"/>
      <c r="P114" s="227" t="s">
        <v>37</v>
      </c>
      <c r="Q114" s="221" t="s">
        <v>786</v>
      </c>
      <c r="R114" s="162"/>
      <c r="S114" s="167"/>
      <c r="T114" s="196"/>
      <c r="U114" s="167"/>
      <c r="V114" s="69"/>
      <c r="W114" s="70"/>
      <c r="X114" s="70"/>
      <c r="Y114" s="70"/>
      <c r="Z114" s="195" t="s">
        <v>1</v>
      </c>
      <c r="AA114" s="74"/>
      <c r="AB114" s="74"/>
      <c r="AC114" s="74"/>
      <c r="AD114" s="75"/>
      <c r="AE114" s="25"/>
      <c r="AF114" s="25"/>
      <c r="AG114" s="25"/>
      <c r="AH114" s="74"/>
      <c r="AI114" s="74"/>
      <c r="AJ114" s="74"/>
      <c r="AK114" s="74"/>
      <c r="AL114" s="75"/>
      <c r="AM114" s="25"/>
      <c r="AN114" s="25"/>
      <c r="AO114" s="32"/>
    </row>
    <row r="115" spans="1:41" s="59" customFormat="1" ht="9.75" customHeight="1">
      <c r="A115" s="40"/>
      <c r="B115" s="194"/>
      <c r="C115" s="169"/>
      <c r="D115" s="194"/>
      <c r="E115" s="169"/>
      <c r="F115" s="41"/>
      <c r="G115" s="169"/>
      <c r="H115" s="44"/>
      <c r="I115" s="169"/>
      <c r="J115" s="44"/>
      <c r="K115" s="192"/>
      <c r="L115" s="169"/>
      <c r="M115" s="191"/>
      <c r="N115" s="45"/>
      <c r="O115" s="168"/>
      <c r="P115" s="228"/>
      <c r="Q115" s="222"/>
      <c r="R115" s="169"/>
      <c r="S115" s="168" t="s">
        <v>928</v>
      </c>
      <c r="T115" s="190" t="s">
        <v>927</v>
      </c>
      <c r="U115" s="168"/>
      <c r="V115" s="44" t="s">
        <v>22</v>
      </c>
      <c r="W115" s="45" t="s">
        <v>22</v>
      </c>
      <c r="X115" s="45" t="s">
        <v>22</v>
      </c>
      <c r="Y115" s="45" t="s">
        <v>926</v>
      </c>
      <c r="Z115" s="189"/>
      <c r="AA115" s="33"/>
      <c r="AB115" s="33"/>
      <c r="AC115" s="33"/>
      <c r="AD115" s="34"/>
      <c r="AE115" s="35"/>
      <c r="AF115" s="35"/>
      <c r="AG115" s="35"/>
      <c r="AH115" s="33"/>
      <c r="AI115" s="33"/>
      <c r="AJ115" s="33"/>
      <c r="AK115" s="33"/>
      <c r="AL115" s="34"/>
      <c r="AM115" s="35"/>
      <c r="AN115" s="35"/>
      <c r="AO115" s="36"/>
    </row>
    <row r="116" spans="1:41" s="59" customFormat="1" ht="9.75" customHeight="1">
      <c r="A116" s="40"/>
      <c r="B116" s="194"/>
      <c r="C116" s="169"/>
      <c r="D116" s="194"/>
      <c r="E116" s="169"/>
      <c r="F116" s="41"/>
      <c r="G116" s="169"/>
      <c r="H116" s="44"/>
      <c r="I116" s="169"/>
      <c r="J116" s="44"/>
      <c r="K116" s="192"/>
      <c r="L116" s="169"/>
      <c r="M116" s="191"/>
      <c r="N116" s="45"/>
      <c r="O116" s="168"/>
      <c r="P116" s="229"/>
      <c r="Q116" s="223"/>
      <c r="R116" s="169"/>
      <c r="S116" s="168"/>
      <c r="T116" s="190"/>
      <c r="U116" s="168"/>
      <c r="V116" s="44"/>
      <c r="W116" s="45"/>
      <c r="X116" s="45"/>
      <c r="Y116" s="45"/>
      <c r="Z116" s="189"/>
      <c r="AA116" s="33"/>
      <c r="AB116" s="33"/>
      <c r="AC116" s="33"/>
      <c r="AD116" s="34"/>
      <c r="AE116" s="35"/>
      <c r="AF116" s="35"/>
      <c r="AG116" s="35"/>
      <c r="AH116" s="33"/>
      <c r="AI116" s="33"/>
      <c r="AJ116" s="33"/>
      <c r="AK116" s="33"/>
      <c r="AL116" s="34"/>
      <c r="AM116" s="35"/>
      <c r="AN116" s="35"/>
      <c r="AO116" s="36"/>
    </row>
    <row r="117" spans="1:41" s="59" customFormat="1" ht="9.75" customHeight="1">
      <c r="A117" s="40"/>
      <c r="B117" s="194"/>
      <c r="C117" s="169"/>
      <c r="D117" s="194"/>
      <c r="E117" s="169"/>
      <c r="F117" s="41"/>
      <c r="G117" s="169"/>
      <c r="H117" s="44"/>
      <c r="I117" s="169"/>
      <c r="J117" s="44"/>
      <c r="K117" s="192"/>
      <c r="L117" s="169"/>
      <c r="M117" s="191"/>
      <c r="N117" s="45"/>
      <c r="O117" s="168"/>
      <c r="P117" s="227" t="s">
        <v>39</v>
      </c>
      <c r="Q117" s="221" t="s">
        <v>704</v>
      </c>
      <c r="R117" s="162"/>
      <c r="S117" s="167"/>
      <c r="T117" s="196"/>
      <c r="U117" s="167"/>
      <c r="V117" s="69"/>
      <c r="W117" s="70"/>
      <c r="X117" s="70"/>
      <c r="Y117" s="70"/>
      <c r="Z117" s="195" t="s">
        <v>1</v>
      </c>
      <c r="AA117" s="74"/>
      <c r="AB117" s="74"/>
      <c r="AC117" s="74"/>
      <c r="AD117" s="75"/>
      <c r="AE117" s="25"/>
      <c r="AF117" s="25"/>
      <c r="AG117" s="25"/>
      <c r="AH117" s="74"/>
      <c r="AI117" s="74"/>
      <c r="AJ117" s="74"/>
      <c r="AK117" s="74"/>
      <c r="AL117" s="75"/>
      <c r="AM117" s="25"/>
      <c r="AN117" s="25"/>
      <c r="AO117" s="32"/>
    </row>
    <row r="118" spans="1:41" s="59" customFormat="1" ht="9.75" customHeight="1">
      <c r="A118" s="40"/>
      <c r="B118" s="194"/>
      <c r="C118" s="169"/>
      <c r="D118" s="194"/>
      <c r="E118" s="169"/>
      <c r="F118" s="41"/>
      <c r="G118" s="169"/>
      <c r="H118" s="44"/>
      <c r="I118" s="169"/>
      <c r="J118" s="44"/>
      <c r="K118" s="192"/>
      <c r="L118" s="169"/>
      <c r="M118" s="191"/>
      <c r="N118" s="45"/>
      <c r="O118" s="168"/>
      <c r="P118" s="228"/>
      <c r="Q118" s="222"/>
      <c r="R118" s="169"/>
      <c r="S118" s="168" t="s">
        <v>925</v>
      </c>
      <c r="T118" s="190" t="s">
        <v>924</v>
      </c>
      <c r="U118" s="168"/>
      <c r="V118" s="44" t="s">
        <v>22</v>
      </c>
      <c r="W118" s="45" t="s">
        <v>22</v>
      </c>
      <c r="X118" s="45" t="s">
        <v>22</v>
      </c>
      <c r="Y118" s="45" t="s">
        <v>923</v>
      </c>
      <c r="Z118" s="189"/>
      <c r="AA118" s="33"/>
      <c r="AB118" s="33"/>
      <c r="AC118" s="33"/>
      <c r="AD118" s="34"/>
      <c r="AE118" s="35"/>
      <c r="AF118" s="35"/>
      <c r="AG118" s="35"/>
      <c r="AH118" s="33"/>
      <c r="AI118" s="33"/>
      <c r="AJ118" s="33"/>
      <c r="AK118" s="33"/>
      <c r="AL118" s="34"/>
      <c r="AM118" s="35"/>
      <c r="AN118" s="35"/>
      <c r="AO118" s="36"/>
    </row>
    <row r="119" spans="1:41" s="59" customFormat="1" ht="9.75" customHeight="1">
      <c r="A119" s="40"/>
      <c r="B119" s="194"/>
      <c r="C119" s="169"/>
      <c r="D119" s="194"/>
      <c r="E119" s="169"/>
      <c r="F119" s="41"/>
      <c r="G119" s="169"/>
      <c r="H119" s="44"/>
      <c r="I119" s="169"/>
      <c r="J119" s="44"/>
      <c r="K119" s="192"/>
      <c r="L119" s="169"/>
      <c r="M119" s="191"/>
      <c r="N119" s="45"/>
      <c r="O119" s="168"/>
      <c r="P119" s="229"/>
      <c r="Q119" s="223"/>
      <c r="R119" s="169"/>
      <c r="S119" s="168"/>
      <c r="T119" s="190"/>
      <c r="U119" s="168"/>
      <c r="V119" s="44"/>
      <c r="W119" s="45"/>
      <c r="X119" s="45"/>
      <c r="Y119" s="45"/>
      <c r="Z119" s="189"/>
      <c r="AA119" s="33"/>
      <c r="AB119" s="33"/>
      <c r="AC119" s="33"/>
      <c r="AD119" s="34"/>
      <c r="AE119" s="35"/>
      <c r="AF119" s="35"/>
      <c r="AG119" s="35"/>
      <c r="AH119" s="33"/>
      <c r="AI119" s="33"/>
      <c r="AJ119" s="33"/>
      <c r="AK119" s="33"/>
      <c r="AL119" s="34"/>
      <c r="AM119" s="35"/>
      <c r="AN119" s="35"/>
      <c r="AO119" s="36"/>
    </row>
    <row r="120" spans="1:41" s="59" customFormat="1" ht="9.75" customHeight="1">
      <c r="A120" s="40"/>
      <c r="B120" s="194"/>
      <c r="C120" s="169"/>
      <c r="D120" s="194"/>
      <c r="E120" s="169"/>
      <c r="F120" s="41"/>
      <c r="G120" s="169"/>
      <c r="H120" s="44"/>
      <c r="I120" s="169"/>
      <c r="J120" s="44"/>
      <c r="K120" s="192"/>
      <c r="L120" s="169"/>
      <c r="M120" s="191"/>
      <c r="N120" s="45"/>
      <c r="O120" s="168"/>
      <c r="P120" s="227" t="s">
        <v>40</v>
      </c>
      <c r="Q120" s="221" t="s">
        <v>700</v>
      </c>
      <c r="R120" s="162"/>
      <c r="S120" s="167"/>
      <c r="T120" s="196"/>
      <c r="U120" s="167"/>
      <c r="V120" s="69"/>
      <c r="W120" s="70"/>
      <c r="X120" s="70"/>
      <c r="Y120" s="70"/>
      <c r="Z120" s="195" t="s">
        <v>1</v>
      </c>
      <c r="AA120" s="74"/>
      <c r="AB120" s="74"/>
      <c r="AC120" s="74"/>
      <c r="AD120" s="75"/>
      <c r="AE120" s="25"/>
      <c r="AF120" s="25"/>
      <c r="AG120" s="25"/>
      <c r="AH120" s="74"/>
      <c r="AI120" s="74"/>
      <c r="AJ120" s="74"/>
      <c r="AK120" s="74"/>
      <c r="AL120" s="75"/>
      <c r="AM120" s="25"/>
      <c r="AN120" s="25"/>
      <c r="AO120" s="32"/>
    </row>
    <row r="121" spans="1:41" s="59" customFormat="1" ht="9.75" customHeight="1">
      <c r="A121" s="40"/>
      <c r="B121" s="194"/>
      <c r="C121" s="169"/>
      <c r="D121" s="194"/>
      <c r="E121" s="169"/>
      <c r="F121" s="41"/>
      <c r="G121" s="169"/>
      <c r="H121" s="44"/>
      <c r="I121" s="169"/>
      <c r="J121" s="44"/>
      <c r="K121" s="192"/>
      <c r="L121" s="169"/>
      <c r="M121" s="191"/>
      <c r="N121" s="45"/>
      <c r="O121" s="168"/>
      <c r="P121" s="228"/>
      <c r="Q121" s="222"/>
      <c r="R121" s="169"/>
      <c r="S121" s="168" t="s">
        <v>922</v>
      </c>
      <c r="T121" s="190" t="s">
        <v>921</v>
      </c>
      <c r="U121" s="168"/>
      <c r="V121" s="44" t="s">
        <v>22</v>
      </c>
      <c r="W121" s="45" t="s">
        <v>22</v>
      </c>
      <c r="X121" s="45" t="s">
        <v>22</v>
      </c>
      <c r="Y121" s="45" t="s">
        <v>920</v>
      </c>
      <c r="Z121" s="189"/>
      <c r="AA121" s="33"/>
      <c r="AB121" s="33"/>
      <c r="AC121" s="33"/>
      <c r="AD121" s="34"/>
      <c r="AE121" s="35"/>
      <c r="AF121" s="35"/>
      <c r="AG121" s="35"/>
      <c r="AH121" s="33"/>
      <c r="AI121" s="33"/>
      <c r="AJ121" s="33"/>
      <c r="AK121" s="33"/>
      <c r="AL121" s="34"/>
      <c r="AM121" s="35"/>
      <c r="AN121" s="35"/>
      <c r="AO121" s="36"/>
    </row>
    <row r="122" spans="1:41" s="59" customFormat="1" ht="9.75" customHeight="1">
      <c r="A122" s="40"/>
      <c r="B122" s="194"/>
      <c r="C122" s="169"/>
      <c r="D122" s="194"/>
      <c r="E122" s="169"/>
      <c r="F122" s="41"/>
      <c r="G122" s="169"/>
      <c r="H122" s="44"/>
      <c r="I122" s="169"/>
      <c r="J122" s="44"/>
      <c r="K122" s="192"/>
      <c r="L122" s="169"/>
      <c r="M122" s="191"/>
      <c r="N122" s="45"/>
      <c r="O122" s="168"/>
      <c r="P122" s="229"/>
      <c r="Q122" s="223"/>
      <c r="R122" s="169"/>
      <c r="S122" s="168"/>
      <c r="T122" s="190"/>
      <c r="U122" s="168"/>
      <c r="V122" s="44"/>
      <c r="W122" s="45"/>
      <c r="X122" s="45"/>
      <c r="Y122" s="45"/>
      <c r="Z122" s="189"/>
      <c r="AA122" s="33"/>
      <c r="AB122" s="33"/>
      <c r="AC122" s="33"/>
      <c r="AD122" s="34"/>
      <c r="AE122" s="35"/>
      <c r="AF122" s="35"/>
      <c r="AG122" s="35"/>
      <c r="AH122" s="33"/>
      <c r="AI122" s="33"/>
      <c r="AJ122" s="33"/>
      <c r="AK122" s="33"/>
      <c r="AL122" s="34"/>
      <c r="AM122" s="35"/>
      <c r="AN122" s="35"/>
      <c r="AO122" s="36"/>
    </row>
    <row r="123" spans="1:41" s="59" customFormat="1" ht="9.75" customHeight="1">
      <c r="A123" s="40"/>
      <c r="B123" s="194"/>
      <c r="C123" s="169"/>
      <c r="D123" s="194"/>
      <c r="E123" s="169"/>
      <c r="F123" s="41"/>
      <c r="G123" s="169"/>
      <c r="H123" s="44"/>
      <c r="I123" s="169"/>
      <c r="J123" s="44"/>
      <c r="K123" s="192"/>
      <c r="L123" s="169"/>
      <c r="M123" s="191"/>
      <c r="N123" s="45"/>
      <c r="O123" s="168"/>
      <c r="P123" s="227" t="s">
        <v>79</v>
      </c>
      <c r="Q123" s="221" t="s">
        <v>699</v>
      </c>
      <c r="R123" s="162"/>
      <c r="S123" s="167"/>
      <c r="T123" s="196"/>
      <c r="U123" s="167"/>
      <c r="V123" s="69"/>
      <c r="W123" s="70"/>
      <c r="X123" s="70"/>
      <c r="Y123" s="70"/>
      <c r="Z123" s="195" t="s">
        <v>1</v>
      </c>
      <c r="AA123" s="74"/>
      <c r="AB123" s="74"/>
      <c r="AC123" s="74"/>
      <c r="AD123" s="75"/>
      <c r="AE123" s="25"/>
      <c r="AF123" s="25"/>
      <c r="AG123" s="25"/>
      <c r="AH123" s="74"/>
      <c r="AI123" s="74"/>
      <c r="AJ123" s="74"/>
      <c r="AK123" s="74"/>
      <c r="AL123" s="75"/>
      <c r="AM123" s="25"/>
      <c r="AN123" s="25"/>
      <c r="AO123" s="32"/>
    </row>
    <row r="124" spans="1:41" s="59" customFormat="1" ht="9.75" customHeight="1">
      <c r="A124" s="40"/>
      <c r="B124" s="194"/>
      <c r="C124" s="169"/>
      <c r="D124" s="194"/>
      <c r="E124" s="169"/>
      <c r="F124" s="41"/>
      <c r="G124" s="169"/>
      <c r="H124" s="44"/>
      <c r="I124" s="169"/>
      <c r="J124" s="44"/>
      <c r="K124" s="192"/>
      <c r="L124" s="169"/>
      <c r="M124" s="191"/>
      <c r="N124" s="45"/>
      <c r="O124" s="168"/>
      <c r="P124" s="228"/>
      <c r="Q124" s="222"/>
      <c r="R124" s="169"/>
      <c r="S124" s="168" t="s">
        <v>919</v>
      </c>
      <c r="T124" s="190" t="s">
        <v>918</v>
      </c>
      <c r="U124" s="168"/>
      <c r="V124" s="44" t="s">
        <v>22</v>
      </c>
      <c r="W124" s="45" t="s">
        <v>22</v>
      </c>
      <c r="X124" s="45" t="s">
        <v>22</v>
      </c>
      <c r="Y124" s="45" t="s">
        <v>917</v>
      </c>
      <c r="Z124" s="189"/>
      <c r="AA124" s="33"/>
      <c r="AB124" s="33"/>
      <c r="AC124" s="33"/>
      <c r="AD124" s="34"/>
      <c r="AE124" s="35"/>
      <c r="AF124" s="35"/>
      <c r="AG124" s="35"/>
      <c r="AH124" s="33"/>
      <c r="AI124" s="33"/>
      <c r="AJ124" s="33"/>
      <c r="AK124" s="33"/>
      <c r="AL124" s="34"/>
      <c r="AM124" s="35"/>
      <c r="AN124" s="35"/>
      <c r="AO124" s="36"/>
    </row>
    <row r="125" spans="1:41" s="59" customFormat="1" ht="9.75" customHeight="1">
      <c r="A125" s="40"/>
      <c r="B125" s="194"/>
      <c r="C125" s="169"/>
      <c r="D125" s="194"/>
      <c r="E125" s="169"/>
      <c r="F125" s="41"/>
      <c r="G125" s="169"/>
      <c r="H125" s="44"/>
      <c r="I125" s="169"/>
      <c r="J125" s="44"/>
      <c r="K125" s="192"/>
      <c r="L125" s="169"/>
      <c r="M125" s="191"/>
      <c r="N125" s="45"/>
      <c r="O125" s="168"/>
      <c r="P125" s="229"/>
      <c r="Q125" s="223"/>
      <c r="R125" s="169"/>
      <c r="S125" s="168"/>
      <c r="T125" s="190"/>
      <c r="U125" s="168"/>
      <c r="V125" s="44"/>
      <c r="W125" s="45"/>
      <c r="X125" s="45"/>
      <c r="Y125" s="45"/>
      <c r="Z125" s="189"/>
      <c r="AA125" s="33"/>
      <c r="AB125" s="33"/>
      <c r="AC125" s="33"/>
      <c r="AD125" s="34"/>
      <c r="AE125" s="35"/>
      <c r="AF125" s="35"/>
      <c r="AG125" s="35"/>
      <c r="AH125" s="33"/>
      <c r="AI125" s="33"/>
      <c r="AJ125" s="33"/>
      <c r="AK125" s="33"/>
      <c r="AL125" s="34"/>
      <c r="AM125" s="35"/>
      <c r="AN125" s="35"/>
      <c r="AO125" s="36"/>
    </row>
    <row r="126" spans="1:41" s="59" customFormat="1" ht="9.75" customHeight="1">
      <c r="A126" s="40"/>
      <c r="B126" s="194"/>
      <c r="C126" s="169"/>
      <c r="D126" s="194"/>
      <c r="E126" s="169"/>
      <c r="F126" s="41"/>
      <c r="G126" s="169"/>
      <c r="H126" s="44"/>
      <c r="I126" s="169"/>
      <c r="J126" s="44"/>
      <c r="K126" s="192"/>
      <c r="L126" s="169"/>
      <c r="M126" s="191"/>
      <c r="N126" s="45"/>
      <c r="O126" s="168"/>
      <c r="P126" s="227" t="s">
        <v>100</v>
      </c>
      <c r="Q126" s="230" t="s">
        <v>695</v>
      </c>
      <c r="R126" s="162"/>
      <c r="S126" s="167"/>
      <c r="T126" s="196"/>
      <c r="U126" s="167"/>
      <c r="V126" s="69"/>
      <c r="W126" s="70"/>
      <c r="X126" s="70"/>
      <c r="Y126" s="70"/>
      <c r="Z126" s="195" t="s">
        <v>1</v>
      </c>
      <c r="AA126" s="74"/>
      <c r="AB126" s="74"/>
      <c r="AC126" s="74"/>
      <c r="AD126" s="75"/>
      <c r="AE126" s="25"/>
      <c r="AF126" s="25"/>
      <c r="AG126" s="25"/>
      <c r="AH126" s="74"/>
      <c r="AI126" s="74"/>
      <c r="AJ126" s="74"/>
      <c r="AK126" s="74"/>
      <c r="AL126" s="75"/>
      <c r="AM126" s="25"/>
      <c r="AN126" s="25"/>
      <c r="AO126" s="32"/>
    </row>
    <row r="127" spans="1:41" s="59" customFormat="1" ht="9.75" customHeight="1">
      <c r="A127" s="40"/>
      <c r="B127" s="194"/>
      <c r="C127" s="169"/>
      <c r="D127" s="194"/>
      <c r="E127" s="169"/>
      <c r="F127" s="41"/>
      <c r="G127" s="169"/>
      <c r="H127" s="44"/>
      <c r="I127" s="169"/>
      <c r="J127" s="44"/>
      <c r="K127" s="192"/>
      <c r="L127" s="169"/>
      <c r="M127" s="191"/>
      <c r="N127" s="45"/>
      <c r="O127" s="168"/>
      <c r="P127" s="228"/>
      <c r="Q127" s="222"/>
      <c r="R127" s="169"/>
      <c r="S127" s="168" t="s">
        <v>916</v>
      </c>
      <c r="T127" s="190" t="s">
        <v>915</v>
      </c>
      <c r="U127" s="168"/>
      <c r="V127" s="44" t="s">
        <v>22</v>
      </c>
      <c r="W127" s="45" t="s">
        <v>22</v>
      </c>
      <c r="X127" s="45" t="s">
        <v>22</v>
      </c>
      <c r="Y127" s="45" t="s">
        <v>914</v>
      </c>
      <c r="Z127" s="189"/>
      <c r="AA127" s="33"/>
      <c r="AB127" s="33"/>
      <c r="AC127" s="33"/>
      <c r="AD127" s="34"/>
      <c r="AE127" s="35"/>
      <c r="AF127" s="35"/>
      <c r="AG127" s="35"/>
      <c r="AH127" s="33"/>
      <c r="AI127" s="33"/>
      <c r="AJ127" s="33"/>
      <c r="AK127" s="33"/>
      <c r="AL127" s="34"/>
      <c r="AM127" s="35"/>
      <c r="AN127" s="35"/>
      <c r="AO127" s="36"/>
    </row>
    <row r="128" spans="1:41" s="59" customFormat="1" ht="9.75" customHeight="1">
      <c r="A128" s="40"/>
      <c r="B128" s="194"/>
      <c r="C128" s="169"/>
      <c r="D128" s="194"/>
      <c r="E128" s="169"/>
      <c r="F128" s="41"/>
      <c r="G128" s="169"/>
      <c r="H128" s="44"/>
      <c r="I128" s="169"/>
      <c r="J128" s="44"/>
      <c r="K128" s="192"/>
      <c r="L128" s="169"/>
      <c r="M128" s="191"/>
      <c r="N128" s="45"/>
      <c r="O128" s="168"/>
      <c r="P128" s="229"/>
      <c r="Q128" s="223"/>
      <c r="R128" s="169"/>
      <c r="S128" s="168"/>
      <c r="T128" s="190"/>
      <c r="U128" s="168"/>
      <c r="V128" s="44"/>
      <c r="W128" s="45"/>
      <c r="X128" s="45"/>
      <c r="Y128" s="45"/>
      <c r="Z128" s="189"/>
      <c r="AA128" s="33"/>
      <c r="AB128" s="33"/>
      <c r="AC128" s="33"/>
      <c r="AD128" s="34"/>
      <c r="AE128" s="35"/>
      <c r="AF128" s="35"/>
      <c r="AG128" s="35"/>
      <c r="AH128" s="33"/>
      <c r="AI128" s="33"/>
      <c r="AJ128" s="33"/>
      <c r="AK128" s="33"/>
      <c r="AL128" s="34"/>
      <c r="AM128" s="35"/>
      <c r="AN128" s="35"/>
      <c r="AO128" s="36"/>
    </row>
    <row r="129" spans="1:41" s="59" customFormat="1" ht="9.75" customHeight="1">
      <c r="A129" s="40"/>
      <c r="B129" s="194"/>
      <c r="C129" s="169"/>
      <c r="D129" s="194"/>
      <c r="E129" s="169"/>
      <c r="F129" s="41"/>
      <c r="G129" s="169"/>
      <c r="H129" s="44"/>
      <c r="I129" s="169"/>
      <c r="J129" s="44"/>
      <c r="K129" s="192"/>
      <c r="L129" s="169"/>
      <c r="M129" s="191"/>
      <c r="N129" s="45"/>
      <c r="O129" s="168"/>
      <c r="P129" s="227" t="s">
        <v>865</v>
      </c>
      <c r="Q129" s="221" t="s">
        <v>864</v>
      </c>
      <c r="R129" s="162"/>
      <c r="S129" s="167"/>
      <c r="T129" s="196"/>
      <c r="U129" s="167"/>
      <c r="V129" s="69"/>
      <c r="W129" s="70"/>
      <c r="X129" s="70"/>
      <c r="Y129" s="70"/>
      <c r="Z129" s="195" t="s">
        <v>1</v>
      </c>
      <c r="AA129" s="74"/>
      <c r="AB129" s="74"/>
      <c r="AC129" s="74"/>
      <c r="AD129" s="75"/>
      <c r="AE129" s="25"/>
      <c r="AF129" s="25"/>
      <c r="AG129" s="25"/>
      <c r="AH129" s="74"/>
      <c r="AI129" s="74"/>
      <c r="AJ129" s="74"/>
      <c r="AK129" s="74"/>
      <c r="AL129" s="75"/>
      <c r="AM129" s="25"/>
      <c r="AN129" s="25"/>
      <c r="AO129" s="32"/>
    </row>
    <row r="130" spans="1:41" s="59" customFormat="1" ht="9.75" customHeight="1">
      <c r="A130" s="40"/>
      <c r="B130" s="194"/>
      <c r="C130" s="169"/>
      <c r="D130" s="194"/>
      <c r="E130" s="169"/>
      <c r="F130" s="41"/>
      <c r="G130" s="169"/>
      <c r="H130" s="44"/>
      <c r="I130" s="169"/>
      <c r="J130" s="44"/>
      <c r="K130" s="192"/>
      <c r="L130" s="169"/>
      <c r="M130" s="191"/>
      <c r="N130" s="45"/>
      <c r="O130" s="168"/>
      <c r="P130" s="228"/>
      <c r="Q130" s="222"/>
      <c r="R130" s="169"/>
      <c r="S130" s="168" t="s">
        <v>913</v>
      </c>
      <c r="T130" s="190" t="s">
        <v>912</v>
      </c>
      <c r="U130" s="168"/>
      <c r="V130" s="44" t="s">
        <v>22</v>
      </c>
      <c r="W130" s="45" t="s">
        <v>22</v>
      </c>
      <c r="X130" s="45" t="s">
        <v>22</v>
      </c>
      <c r="Y130" s="45" t="s">
        <v>911</v>
      </c>
      <c r="Z130" s="189"/>
      <c r="AA130" s="33"/>
      <c r="AB130" s="33"/>
      <c r="AC130" s="33"/>
      <c r="AD130" s="34"/>
      <c r="AE130" s="35"/>
      <c r="AF130" s="35"/>
      <c r="AG130" s="35"/>
      <c r="AH130" s="33"/>
      <c r="AI130" s="33"/>
      <c r="AJ130" s="33"/>
      <c r="AK130" s="33"/>
      <c r="AL130" s="34"/>
      <c r="AM130" s="35"/>
      <c r="AN130" s="35"/>
      <c r="AO130" s="36"/>
    </row>
    <row r="131" spans="1:41" s="59" customFormat="1" ht="9.75" customHeight="1">
      <c r="A131" s="40"/>
      <c r="B131" s="194"/>
      <c r="C131" s="169"/>
      <c r="D131" s="194"/>
      <c r="E131" s="169"/>
      <c r="F131" s="41"/>
      <c r="G131" s="169"/>
      <c r="H131" s="44"/>
      <c r="I131" s="169"/>
      <c r="J131" s="44"/>
      <c r="K131" s="192"/>
      <c r="L131" s="169"/>
      <c r="M131" s="191"/>
      <c r="N131" s="45"/>
      <c r="O131" s="168"/>
      <c r="P131" s="229"/>
      <c r="Q131" s="223"/>
      <c r="R131" s="169"/>
      <c r="S131" s="168"/>
      <c r="T131" s="190"/>
      <c r="U131" s="168"/>
      <c r="V131" s="44"/>
      <c r="W131" s="45"/>
      <c r="X131" s="45"/>
      <c r="Y131" s="45"/>
      <c r="Z131" s="189"/>
      <c r="AA131" s="33"/>
      <c r="AB131" s="33"/>
      <c r="AC131" s="33"/>
      <c r="AD131" s="34"/>
      <c r="AE131" s="35"/>
      <c r="AF131" s="35"/>
      <c r="AG131" s="35"/>
      <c r="AH131" s="33"/>
      <c r="AI131" s="33"/>
      <c r="AJ131" s="33"/>
      <c r="AK131" s="33"/>
      <c r="AL131" s="34"/>
      <c r="AM131" s="35"/>
      <c r="AN131" s="35"/>
      <c r="AO131" s="36"/>
    </row>
    <row r="132" spans="1:41" s="59" customFormat="1" ht="9.75" customHeight="1">
      <c r="A132" s="40"/>
      <c r="B132" s="194"/>
      <c r="C132" s="169"/>
      <c r="D132" s="194"/>
      <c r="E132" s="169"/>
      <c r="F132" s="41"/>
      <c r="G132" s="169"/>
      <c r="H132" s="44"/>
      <c r="I132" s="169"/>
      <c r="J132" s="44"/>
      <c r="K132" s="192"/>
      <c r="L132" s="169"/>
      <c r="M132" s="191"/>
      <c r="N132" s="45"/>
      <c r="O132" s="168"/>
      <c r="P132" s="227" t="s">
        <v>680</v>
      </c>
      <c r="Q132" s="230" t="s">
        <v>679</v>
      </c>
      <c r="R132" s="162"/>
      <c r="S132" s="167"/>
      <c r="T132" s="196"/>
      <c r="U132" s="167"/>
      <c r="V132" s="69"/>
      <c r="W132" s="70"/>
      <c r="X132" s="70"/>
      <c r="Y132" s="70"/>
      <c r="Z132" s="195" t="s">
        <v>1</v>
      </c>
      <c r="AA132" s="74"/>
      <c r="AB132" s="74"/>
      <c r="AC132" s="74"/>
      <c r="AD132" s="75"/>
      <c r="AE132" s="25"/>
      <c r="AF132" s="25"/>
      <c r="AG132" s="25"/>
      <c r="AH132" s="74"/>
      <c r="AI132" s="74"/>
      <c r="AJ132" s="74"/>
      <c r="AK132" s="74"/>
      <c r="AL132" s="75"/>
      <c r="AM132" s="25"/>
      <c r="AN132" s="25"/>
      <c r="AO132" s="32"/>
    </row>
    <row r="133" spans="1:41" s="59" customFormat="1" ht="9.75" customHeight="1">
      <c r="A133" s="40"/>
      <c r="B133" s="194"/>
      <c r="C133" s="169"/>
      <c r="D133" s="194"/>
      <c r="E133" s="169"/>
      <c r="F133" s="41"/>
      <c r="G133" s="169"/>
      <c r="H133" s="44"/>
      <c r="I133" s="169"/>
      <c r="J133" s="44"/>
      <c r="K133" s="192"/>
      <c r="L133" s="169"/>
      <c r="M133" s="191"/>
      <c r="N133" s="45"/>
      <c r="O133" s="168"/>
      <c r="P133" s="228"/>
      <c r="Q133" s="222"/>
      <c r="R133" s="169"/>
      <c r="S133" s="168" t="s">
        <v>910</v>
      </c>
      <c r="T133" s="190" t="s">
        <v>909</v>
      </c>
      <c r="U133" s="168"/>
      <c r="V133" s="44" t="s">
        <v>22</v>
      </c>
      <c r="W133" s="45" t="s">
        <v>22</v>
      </c>
      <c r="X133" s="45" t="s">
        <v>22</v>
      </c>
      <c r="Y133" s="45" t="s">
        <v>908</v>
      </c>
      <c r="Z133" s="189"/>
      <c r="AA133" s="33"/>
      <c r="AB133" s="33"/>
      <c r="AC133" s="33"/>
      <c r="AD133" s="34"/>
      <c r="AE133" s="35"/>
      <c r="AF133" s="35"/>
      <c r="AG133" s="35"/>
      <c r="AH133" s="33"/>
      <c r="AI133" s="33"/>
      <c r="AJ133" s="33"/>
      <c r="AK133" s="33"/>
      <c r="AL133" s="34"/>
      <c r="AM133" s="35"/>
      <c r="AN133" s="35"/>
      <c r="AO133" s="36"/>
    </row>
    <row r="134" spans="1:41" s="59" customFormat="1" ht="9.75" customHeight="1">
      <c r="A134" s="40"/>
      <c r="B134" s="194"/>
      <c r="C134" s="169"/>
      <c r="D134" s="194"/>
      <c r="E134" s="169"/>
      <c r="F134" s="41"/>
      <c r="G134" s="169"/>
      <c r="H134" s="44"/>
      <c r="I134" s="169"/>
      <c r="J134" s="44"/>
      <c r="K134" s="192"/>
      <c r="L134" s="169"/>
      <c r="M134" s="191"/>
      <c r="N134" s="45"/>
      <c r="O134" s="168"/>
      <c r="P134" s="229"/>
      <c r="Q134" s="223"/>
      <c r="R134" s="169"/>
      <c r="S134" s="168"/>
      <c r="T134" s="190"/>
      <c r="U134" s="168"/>
      <c r="V134" s="44"/>
      <c r="W134" s="45"/>
      <c r="X134" s="45"/>
      <c r="Y134" s="45"/>
      <c r="Z134" s="189"/>
      <c r="AA134" s="33"/>
      <c r="AB134" s="33"/>
      <c r="AC134" s="33"/>
      <c r="AD134" s="34"/>
      <c r="AE134" s="35"/>
      <c r="AF134" s="35"/>
      <c r="AG134" s="35"/>
      <c r="AH134" s="33"/>
      <c r="AI134" s="33"/>
      <c r="AJ134" s="33"/>
      <c r="AK134" s="33"/>
      <c r="AL134" s="34"/>
      <c r="AM134" s="35"/>
      <c r="AN134" s="35"/>
      <c r="AO134" s="36"/>
    </row>
    <row r="135" spans="1:41" s="59" customFormat="1" ht="9.75" customHeight="1">
      <c r="A135" s="40"/>
      <c r="B135" s="193"/>
      <c r="C135" s="169"/>
      <c r="D135" s="170"/>
      <c r="E135" s="218" t="s">
        <v>32</v>
      </c>
      <c r="F135" s="221" t="s">
        <v>907</v>
      </c>
      <c r="G135" s="162"/>
      <c r="H135" s="69"/>
      <c r="I135" s="162"/>
      <c r="J135" s="69"/>
      <c r="K135" s="198"/>
      <c r="L135" s="162"/>
      <c r="M135" s="197"/>
      <c r="N135" s="70"/>
      <c r="O135" s="167"/>
      <c r="P135" s="167"/>
      <c r="Q135" s="68"/>
      <c r="R135" s="162"/>
      <c r="S135" s="167"/>
      <c r="T135" s="196"/>
      <c r="U135" s="167"/>
      <c r="V135" s="69"/>
      <c r="W135" s="70"/>
      <c r="X135" s="70"/>
      <c r="Y135" s="70"/>
      <c r="Z135" s="195" t="s">
        <v>661</v>
      </c>
      <c r="AA135" s="74"/>
      <c r="AB135" s="74"/>
      <c r="AC135" s="74"/>
      <c r="AD135" s="75"/>
      <c r="AE135" s="25"/>
      <c r="AF135" s="25"/>
      <c r="AG135" s="25"/>
      <c r="AH135" s="74"/>
      <c r="AI135" s="74"/>
      <c r="AJ135" s="74"/>
      <c r="AK135" s="74"/>
      <c r="AL135" s="75"/>
      <c r="AM135" s="25"/>
      <c r="AN135" s="25"/>
      <c r="AO135" s="32"/>
    </row>
    <row r="136" spans="1:41" s="59" customFormat="1" ht="9.75" customHeight="1">
      <c r="A136" s="40"/>
      <c r="B136" s="193"/>
      <c r="C136" s="169"/>
      <c r="D136" s="193"/>
      <c r="E136" s="219"/>
      <c r="F136" s="222"/>
      <c r="G136" s="169"/>
      <c r="H136" s="44" t="s">
        <v>906</v>
      </c>
      <c r="I136" s="169" t="s">
        <v>23</v>
      </c>
      <c r="J136" s="44" t="s">
        <v>905</v>
      </c>
      <c r="K136" s="192" t="s">
        <v>904</v>
      </c>
      <c r="L136" s="169"/>
      <c r="M136" s="191" t="s">
        <v>22</v>
      </c>
      <c r="N136" s="45" t="s">
        <v>903</v>
      </c>
      <c r="O136" s="168"/>
      <c r="P136" s="168"/>
      <c r="Q136" s="41"/>
      <c r="R136" s="169"/>
      <c r="S136" s="168"/>
      <c r="T136" s="190" t="s">
        <v>902</v>
      </c>
      <c r="U136" s="168"/>
      <c r="V136" s="44" t="s">
        <v>22</v>
      </c>
      <c r="W136" s="45" t="s">
        <v>22</v>
      </c>
      <c r="X136" s="45" t="s">
        <v>22</v>
      </c>
      <c r="Y136" s="45" t="s">
        <v>901</v>
      </c>
      <c r="Z136" s="189"/>
      <c r="AA136" s="33"/>
      <c r="AB136" s="33"/>
      <c r="AC136" s="33"/>
      <c r="AD136" s="34"/>
      <c r="AE136" s="35"/>
      <c r="AF136" s="35"/>
      <c r="AG136" s="35"/>
      <c r="AH136" s="33"/>
      <c r="AI136" s="33"/>
      <c r="AJ136" s="33"/>
      <c r="AK136" s="33"/>
      <c r="AL136" s="34"/>
      <c r="AM136" s="35"/>
      <c r="AN136" s="35"/>
      <c r="AO136" s="36" t="s">
        <v>839</v>
      </c>
    </row>
    <row r="137" spans="1:41" s="59" customFormat="1" ht="9.75" customHeight="1">
      <c r="A137" s="40"/>
      <c r="B137" s="193"/>
      <c r="C137" s="169"/>
      <c r="D137" s="193"/>
      <c r="E137" s="219"/>
      <c r="F137" s="222"/>
      <c r="G137" s="169"/>
      <c r="H137" s="44"/>
      <c r="I137" s="169"/>
      <c r="J137" s="44"/>
      <c r="K137" s="192"/>
      <c r="L137" s="169"/>
      <c r="M137" s="191"/>
      <c r="N137" s="45"/>
      <c r="O137" s="168"/>
      <c r="P137" s="168"/>
      <c r="Q137" s="41"/>
      <c r="R137" s="169"/>
      <c r="S137" s="168"/>
      <c r="T137" s="190"/>
      <c r="U137" s="168"/>
      <c r="V137" s="44"/>
      <c r="W137" s="45"/>
      <c r="X137" s="45"/>
      <c r="Y137" s="45"/>
      <c r="Z137" s="189"/>
      <c r="AA137" s="33"/>
      <c r="AB137" s="33"/>
      <c r="AC137" s="33"/>
      <c r="AD137" s="34"/>
      <c r="AE137" s="35"/>
      <c r="AF137" s="35"/>
      <c r="AG137" s="35"/>
      <c r="AH137" s="33"/>
      <c r="AI137" s="33"/>
      <c r="AJ137" s="33"/>
      <c r="AK137" s="33"/>
      <c r="AL137" s="34"/>
      <c r="AM137" s="35"/>
      <c r="AN137" s="35"/>
      <c r="AO137" s="36"/>
    </row>
    <row r="138" spans="1:41" s="59" customFormat="1" ht="9.75" customHeight="1">
      <c r="A138" s="40"/>
      <c r="B138" s="194"/>
      <c r="C138" s="169"/>
      <c r="D138" s="193"/>
      <c r="E138" s="169"/>
      <c r="F138" s="170"/>
      <c r="G138" s="169"/>
      <c r="H138" s="44"/>
      <c r="I138" s="169"/>
      <c r="J138" s="44"/>
      <c r="K138" s="192"/>
      <c r="L138" s="169"/>
      <c r="M138" s="191"/>
      <c r="N138" s="45"/>
      <c r="O138" s="168"/>
      <c r="P138" s="227" t="s">
        <v>31</v>
      </c>
      <c r="Q138" s="221" t="s">
        <v>900</v>
      </c>
      <c r="R138" s="162"/>
      <c r="S138" s="167"/>
      <c r="T138" s="196"/>
      <c r="U138" s="167"/>
      <c r="V138" s="69"/>
      <c r="W138" s="70"/>
      <c r="X138" s="70"/>
      <c r="Y138" s="70"/>
      <c r="Z138" s="195" t="s">
        <v>1</v>
      </c>
      <c r="AA138" s="74"/>
      <c r="AB138" s="74"/>
      <c r="AC138" s="74"/>
      <c r="AD138" s="75"/>
      <c r="AE138" s="25"/>
      <c r="AF138" s="25"/>
      <c r="AG138" s="25"/>
      <c r="AH138" s="74"/>
      <c r="AI138" s="74"/>
      <c r="AJ138" s="74"/>
      <c r="AK138" s="74"/>
      <c r="AL138" s="75"/>
      <c r="AM138" s="25"/>
      <c r="AN138" s="25"/>
      <c r="AO138" s="32"/>
    </row>
    <row r="139" spans="1:41" s="59" customFormat="1" ht="9.75" customHeight="1">
      <c r="A139" s="40"/>
      <c r="B139" s="194"/>
      <c r="C139" s="169"/>
      <c r="D139" s="193"/>
      <c r="E139" s="169"/>
      <c r="F139" s="170"/>
      <c r="G139" s="169"/>
      <c r="H139" s="44"/>
      <c r="I139" s="169"/>
      <c r="J139" s="44"/>
      <c r="K139" s="192"/>
      <c r="L139" s="169"/>
      <c r="M139" s="191"/>
      <c r="N139" s="45"/>
      <c r="O139" s="168"/>
      <c r="P139" s="228"/>
      <c r="Q139" s="222"/>
      <c r="R139" s="169"/>
      <c r="S139" s="168" t="s">
        <v>899</v>
      </c>
      <c r="T139" s="190" t="s">
        <v>898</v>
      </c>
      <c r="U139" s="168"/>
      <c r="V139" s="44" t="s">
        <v>22</v>
      </c>
      <c r="W139" s="45" t="s">
        <v>22</v>
      </c>
      <c r="X139" s="45" t="s">
        <v>22</v>
      </c>
      <c r="Y139" s="45" t="s">
        <v>897</v>
      </c>
      <c r="Z139" s="189"/>
      <c r="AA139" s="33"/>
      <c r="AB139" s="33"/>
      <c r="AC139" s="33"/>
      <c r="AD139" s="34"/>
      <c r="AE139" s="35"/>
      <c r="AF139" s="35"/>
      <c r="AG139" s="35"/>
      <c r="AH139" s="33"/>
      <c r="AI139" s="33"/>
      <c r="AJ139" s="33"/>
      <c r="AK139" s="33"/>
      <c r="AL139" s="34"/>
      <c r="AM139" s="35"/>
      <c r="AN139" s="35"/>
      <c r="AO139" s="36"/>
    </row>
    <row r="140" spans="1:41" s="59" customFormat="1" ht="9.75" customHeight="1">
      <c r="A140" s="40"/>
      <c r="B140" s="194"/>
      <c r="C140" s="169"/>
      <c r="D140" s="193"/>
      <c r="E140" s="169"/>
      <c r="F140" s="170"/>
      <c r="G140" s="169"/>
      <c r="H140" s="44"/>
      <c r="I140" s="169"/>
      <c r="J140" s="44"/>
      <c r="K140" s="192"/>
      <c r="L140" s="169"/>
      <c r="M140" s="191"/>
      <c r="N140" s="45"/>
      <c r="O140" s="168"/>
      <c r="P140" s="229"/>
      <c r="Q140" s="223"/>
      <c r="R140" s="169"/>
      <c r="S140" s="168"/>
      <c r="T140" s="190"/>
      <c r="U140" s="168"/>
      <c r="V140" s="44"/>
      <c r="W140" s="45"/>
      <c r="X140" s="45"/>
      <c r="Y140" s="45"/>
      <c r="Z140" s="189"/>
      <c r="AA140" s="33"/>
      <c r="AB140" s="33"/>
      <c r="AC140" s="33"/>
      <c r="AD140" s="34"/>
      <c r="AE140" s="35"/>
      <c r="AF140" s="35"/>
      <c r="AG140" s="35"/>
      <c r="AH140" s="33"/>
      <c r="AI140" s="33"/>
      <c r="AJ140" s="33"/>
      <c r="AK140" s="33"/>
      <c r="AL140" s="34"/>
      <c r="AM140" s="35"/>
      <c r="AN140" s="35"/>
      <c r="AO140" s="36"/>
    </row>
    <row r="141" spans="1:41" s="59" customFormat="1" ht="9.75" customHeight="1">
      <c r="A141" s="40"/>
      <c r="B141" s="194"/>
      <c r="C141" s="169"/>
      <c r="D141" s="194"/>
      <c r="E141" s="169"/>
      <c r="F141" s="170"/>
      <c r="G141" s="169"/>
      <c r="H141" s="44"/>
      <c r="I141" s="169"/>
      <c r="J141" s="44"/>
      <c r="K141" s="192"/>
      <c r="L141" s="169"/>
      <c r="M141" s="191"/>
      <c r="N141" s="45"/>
      <c r="O141" s="168"/>
      <c r="P141" s="227" t="s">
        <v>35</v>
      </c>
      <c r="Q141" s="221" t="s">
        <v>788</v>
      </c>
      <c r="R141" s="162"/>
      <c r="S141" s="167"/>
      <c r="T141" s="196"/>
      <c r="U141" s="167"/>
      <c r="V141" s="69"/>
      <c r="W141" s="70"/>
      <c r="X141" s="70"/>
      <c r="Y141" s="70"/>
      <c r="Z141" s="195" t="s">
        <v>1</v>
      </c>
      <c r="AA141" s="74"/>
      <c r="AB141" s="74"/>
      <c r="AC141" s="74"/>
      <c r="AD141" s="75"/>
      <c r="AE141" s="25"/>
      <c r="AF141" s="25"/>
      <c r="AG141" s="25"/>
      <c r="AH141" s="74"/>
      <c r="AI141" s="74"/>
      <c r="AJ141" s="74"/>
      <c r="AK141" s="74"/>
      <c r="AL141" s="75"/>
      <c r="AM141" s="25"/>
      <c r="AN141" s="25"/>
      <c r="AO141" s="32"/>
    </row>
    <row r="142" spans="1:41" s="59" customFormat="1" ht="9.75" customHeight="1">
      <c r="A142" s="40"/>
      <c r="B142" s="194"/>
      <c r="C142" s="169"/>
      <c r="D142" s="194"/>
      <c r="E142" s="169"/>
      <c r="F142" s="170"/>
      <c r="G142" s="169"/>
      <c r="H142" s="44"/>
      <c r="I142" s="169"/>
      <c r="J142" s="44"/>
      <c r="K142" s="192"/>
      <c r="L142" s="169"/>
      <c r="M142" s="191"/>
      <c r="N142" s="45"/>
      <c r="O142" s="168"/>
      <c r="P142" s="228"/>
      <c r="Q142" s="222"/>
      <c r="R142" s="169"/>
      <c r="S142" s="168" t="s">
        <v>896</v>
      </c>
      <c r="T142" s="190" t="s">
        <v>895</v>
      </c>
      <c r="U142" s="168"/>
      <c r="V142" s="44" t="s">
        <v>22</v>
      </c>
      <c r="W142" s="45" t="s">
        <v>22</v>
      </c>
      <c r="X142" s="45" t="s">
        <v>22</v>
      </c>
      <c r="Y142" s="45" t="s">
        <v>894</v>
      </c>
      <c r="Z142" s="189"/>
      <c r="AA142" s="33"/>
      <c r="AB142" s="33"/>
      <c r="AC142" s="33"/>
      <c r="AD142" s="34"/>
      <c r="AE142" s="35"/>
      <c r="AF142" s="35"/>
      <c r="AG142" s="35"/>
      <c r="AH142" s="33"/>
      <c r="AI142" s="33"/>
      <c r="AJ142" s="33"/>
      <c r="AK142" s="33"/>
      <c r="AL142" s="34"/>
      <c r="AM142" s="35"/>
      <c r="AN142" s="35"/>
      <c r="AO142" s="36"/>
    </row>
    <row r="143" spans="1:41" s="59" customFormat="1" ht="9.75" customHeight="1">
      <c r="A143" s="40"/>
      <c r="B143" s="194"/>
      <c r="C143" s="169"/>
      <c r="D143" s="194"/>
      <c r="E143" s="169"/>
      <c r="F143" s="170"/>
      <c r="G143" s="169"/>
      <c r="H143" s="44"/>
      <c r="I143" s="169"/>
      <c r="J143" s="44"/>
      <c r="K143" s="192"/>
      <c r="L143" s="169"/>
      <c r="M143" s="191"/>
      <c r="N143" s="45"/>
      <c r="O143" s="168"/>
      <c r="P143" s="229"/>
      <c r="Q143" s="223"/>
      <c r="R143" s="169"/>
      <c r="S143" s="168"/>
      <c r="T143" s="190"/>
      <c r="U143" s="168"/>
      <c r="V143" s="44"/>
      <c r="W143" s="45"/>
      <c r="X143" s="45"/>
      <c r="Y143" s="45"/>
      <c r="Z143" s="189"/>
      <c r="AA143" s="33"/>
      <c r="AB143" s="33"/>
      <c r="AC143" s="33"/>
      <c r="AD143" s="34"/>
      <c r="AE143" s="35"/>
      <c r="AF143" s="35"/>
      <c r="AG143" s="35"/>
      <c r="AH143" s="33"/>
      <c r="AI143" s="33"/>
      <c r="AJ143" s="33"/>
      <c r="AK143" s="33"/>
      <c r="AL143" s="34"/>
      <c r="AM143" s="35"/>
      <c r="AN143" s="35"/>
      <c r="AO143" s="36"/>
    </row>
    <row r="144" spans="1:41" s="59" customFormat="1" ht="9.75" customHeight="1">
      <c r="A144" s="40"/>
      <c r="B144" s="194"/>
      <c r="C144" s="169"/>
      <c r="D144" s="194"/>
      <c r="E144" s="169"/>
      <c r="F144" s="41"/>
      <c r="G144" s="169"/>
      <c r="H144" s="44"/>
      <c r="I144" s="169"/>
      <c r="J144" s="44"/>
      <c r="K144" s="192"/>
      <c r="L144" s="169"/>
      <c r="M144" s="191"/>
      <c r="N144" s="45"/>
      <c r="O144" s="168"/>
      <c r="P144" s="227" t="s">
        <v>36</v>
      </c>
      <c r="Q144" s="221" t="s">
        <v>833</v>
      </c>
      <c r="R144" s="162"/>
      <c r="S144" s="167"/>
      <c r="T144" s="196"/>
      <c r="U144" s="167"/>
      <c r="V144" s="69"/>
      <c r="W144" s="70"/>
      <c r="X144" s="70"/>
      <c r="Y144" s="70"/>
      <c r="Z144" s="195" t="s">
        <v>1</v>
      </c>
      <c r="AA144" s="74"/>
      <c r="AB144" s="74"/>
      <c r="AC144" s="74"/>
      <c r="AD144" s="75"/>
      <c r="AE144" s="25"/>
      <c r="AF144" s="25"/>
      <c r="AG144" s="25"/>
      <c r="AH144" s="74"/>
      <c r="AI144" s="74"/>
      <c r="AJ144" s="74"/>
      <c r="AK144" s="74"/>
      <c r="AL144" s="75"/>
      <c r="AM144" s="25"/>
      <c r="AN144" s="25"/>
      <c r="AO144" s="32"/>
    </row>
    <row r="145" spans="1:41" s="59" customFormat="1" ht="9.75" customHeight="1">
      <c r="A145" s="40"/>
      <c r="B145" s="194"/>
      <c r="C145" s="169"/>
      <c r="D145" s="194"/>
      <c r="E145" s="169"/>
      <c r="F145" s="41"/>
      <c r="G145" s="169"/>
      <c r="H145" s="44"/>
      <c r="I145" s="169"/>
      <c r="J145" s="44"/>
      <c r="K145" s="192"/>
      <c r="L145" s="169"/>
      <c r="M145" s="191"/>
      <c r="N145" s="45"/>
      <c r="O145" s="168"/>
      <c r="P145" s="228"/>
      <c r="Q145" s="222"/>
      <c r="R145" s="169"/>
      <c r="S145" s="168" t="s">
        <v>893</v>
      </c>
      <c r="T145" s="190" t="s">
        <v>892</v>
      </c>
      <c r="U145" s="168"/>
      <c r="V145" s="44" t="s">
        <v>22</v>
      </c>
      <c r="W145" s="45" t="s">
        <v>22</v>
      </c>
      <c r="X145" s="45" t="s">
        <v>22</v>
      </c>
      <c r="Y145" s="45" t="s">
        <v>891</v>
      </c>
      <c r="Z145" s="189"/>
      <c r="AA145" s="33"/>
      <c r="AB145" s="33"/>
      <c r="AC145" s="33"/>
      <c r="AD145" s="34"/>
      <c r="AE145" s="35"/>
      <c r="AF145" s="35"/>
      <c r="AG145" s="35"/>
      <c r="AH145" s="33"/>
      <c r="AI145" s="33"/>
      <c r="AJ145" s="33"/>
      <c r="AK145" s="33"/>
      <c r="AL145" s="34"/>
      <c r="AM145" s="35"/>
      <c r="AN145" s="35"/>
      <c r="AO145" s="36"/>
    </row>
    <row r="146" spans="1:41" s="59" customFormat="1" ht="9.75" customHeight="1">
      <c r="A146" s="40"/>
      <c r="B146" s="194"/>
      <c r="C146" s="169"/>
      <c r="D146" s="194"/>
      <c r="E146" s="169"/>
      <c r="F146" s="41"/>
      <c r="G146" s="169"/>
      <c r="H146" s="44"/>
      <c r="I146" s="169"/>
      <c r="J146" s="44"/>
      <c r="K146" s="192"/>
      <c r="L146" s="169"/>
      <c r="M146" s="191"/>
      <c r="N146" s="45"/>
      <c r="O146" s="168"/>
      <c r="P146" s="229"/>
      <c r="Q146" s="223"/>
      <c r="R146" s="169"/>
      <c r="S146" s="168"/>
      <c r="T146" s="190"/>
      <c r="U146" s="168"/>
      <c r="V146" s="44"/>
      <c r="W146" s="45"/>
      <c r="X146" s="45"/>
      <c r="Y146" s="45"/>
      <c r="Z146" s="189"/>
      <c r="AA146" s="33"/>
      <c r="AB146" s="33"/>
      <c r="AC146" s="33"/>
      <c r="AD146" s="34"/>
      <c r="AE146" s="35"/>
      <c r="AF146" s="35"/>
      <c r="AG146" s="35"/>
      <c r="AH146" s="33"/>
      <c r="AI146" s="33"/>
      <c r="AJ146" s="33"/>
      <c r="AK146" s="33"/>
      <c r="AL146" s="34"/>
      <c r="AM146" s="35"/>
      <c r="AN146" s="35"/>
      <c r="AO146" s="36"/>
    </row>
    <row r="147" spans="1:41" s="59" customFormat="1" ht="9.75" customHeight="1">
      <c r="A147" s="40"/>
      <c r="B147" s="194"/>
      <c r="C147" s="169"/>
      <c r="D147" s="194"/>
      <c r="E147" s="169"/>
      <c r="F147" s="41"/>
      <c r="G147" s="169"/>
      <c r="H147" s="44"/>
      <c r="I147" s="169"/>
      <c r="J147" s="44"/>
      <c r="K147" s="192"/>
      <c r="L147" s="169"/>
      <c r="M147" s="191"/>
      <c r="N147" s="45"/>
      <c r="O147" s="168"/>
      <c r="P147" s="227" t="s">
        <v>37</v>
      </c>
      <c r="Q147" s="221" t="s">
        <v>786</v>
      </c>
      <c r="R147" s="162"/>
      <c r="S147" s="167"/>
      <c r="T147" s="196"/>
      <c r="U147" s="167"/>
      <c r="V147" s="69"/>
      <c r="W147" s="70"/>
      <c r="X147" s="70"/>
      <c r="Y147" s="70"/>
      <c r="Z147" s="195" t="s">
        <v>1</v>
      </c>
      <c r="AA147" s="74"/>
      <c r="AB147" s="74"/>
      <c r="AC147" s="74"/>
      <c r="AD147" s="75"/>
      <c r="AE147" s="25"/>
      <c r="AF147" s="25"/>
      <c r="AG147" s="25"/>
      <c r="AH147" s="74"/>
      <c r="AI147" s="74"/>
      <c r="AJ147" s="74"/>
      <c r="AK147" s="74"/>
      <c r="AL147" s="75"/>
      <c r="AM147" s="25"/>
      <c r="AN147" s="25"/>
      <c r="AO147" s="32"/>
    </row>
    <row r="148" spans="1:41" s="59" customFormat="1" ht="9.75" customHeight="1">
      <c r="A148" s="40"/>
      <c r="B148" s="194"/>
      <c r="C148" s="169"/>
      <c r="D148" s="194"/>
      <c r="E148" s="169"/>
      <c r="F148" s="41"/>
      <c r="G148" s="169"/>
      <c r="H148" s="44"/>
      <c r="I148" s="169"/>
      <c r="J148" s="44"/>
      <c r="K148" s="192"/>
      <c r="L148" s="169"/>
      <c r="M148" s="191"/>
      <c r="N148" s="45"/>
      <c r="O148" s="168"/>
      <c r="P148" s="228"/>
      <c r="Q148" s="222"/>
      <c r="R148" s="169"/>
      <c r="S148" s="168" t="s">
        <v>890</v>
      </c>
      <c r="T148" s="190" t="s">
        <v>889</v>
      </c>
      <c r="U148" s="168"/>
      <c r="V148" s="44" t="s">
        <v>22</v>
      </c>
      <c r="W148" s="45" t="s">
        <v>22</v>
      </c>
      <c r="X148" s="45" t="s">
        <v>22</v>
      </c>
      <c r="Y148" s="45" t="s">
        <v>888</v>
      </c>
      <c r="Z148" s="189"/>
      <c r="AA148" s="33"/>
      <c r="AB148" s="33"/>
      <c r="AC148" s="33"/>
      <c r="AD148" s="34"/>
      <c r="AE148" s="35"/>
      <c r="AF148" s="35"/>
      <c r="AG148" s="35"/>
      <c r="AH148" s="33"/>
      <c r="AI148" s="33"/>
      <c r="AJ148" s="33"/>
      <c r="AK148" s="33"/>
      <c r="AL148" s="34"/>
      <c r="AM148" s="35"/>
      <c r="AN148" s="35"/>
      <c r="AO148" s="36"/>
    </row>
    <row r="149" spans="1:41" s="59" customFormat="1" ht="9.75" customHeight="1">
      <c r="A149" s="40"/>
      <c r="B149" s="194"/>
      <c r="C149" s="169"/>
      <c r="D149" s="194"/>
      <c r="E149" s="169"/>
      <c r="F149" s="41"/>
      <c r="G149" s="169"/>
      <c r="H149" s="44"/>
      <c r="I149" s="169"/>
      <c r="J149" s="44"/>
      <c r="K149" s="192"/>
      <c r="L149" s="169"/>
      <c r="M149" s="191"/>
      <c r="N149" s="45"/>
      <c r="O149" s="168"/>
      <c r="P149" s="229"/>
      <c r="Q149" s="223"/>
      <c r="R149" s="169"/>
      <c r="S149" s="168"/>
      <c r="T149" s="190"/>
      <c r="U149" s="168"/>
      <c r="V149" s="44"/>
      <c r="W149" s="45"/>
      <c r="X149" s="45"/>
      <c r="Y149" s="45"/>
      <c r="Z149" s="189"/>
      <c r="AA149" s="33"/>
      <c r="AB149" s="33"/>
      <c r="AC149" s="33"/>
      <c r="AD149" s="34"/>
      <c r="AE149" s="35"/>
      <c r="AF149" s="35"/>
      <c r="AG149" s="35"/>
      <c r="AH149" s="33"/>
      <c r="AI149" s="33"/>
      <c r="AJ149" s="33"/>
      <c r="AK149" s="33"/>
      <c r="AL149" s="34"/>
      <c r="AM149" s="35"/>
      <c r="AN149" s="35"/>
      <c r="AO149" s="36"/>
    </row>
    <row r="150" spans="1:41" s="59" customFormat="1" ht="9.75" customHeight="1">
      <c r="A150" s="40"/>
      <c r="B150" s="194"/>
      <c r="C150" s="169"/>
      <c r="D150" s="194"/>
      <c r="E150" s="169"/>
      <c r="F150" s="41"/>
      <c r="G150" s="169"/>
      <c r="H150" s="44"/>
      <c r="I150" s="169"/>
      <c r="J150" s="44"/>
      <c r="K150" s="192"/>
      <c r="L150" s="169"/>
      <c r="M150" s="191"/>
      <c r="N150" s="45"/>
      <c r="O150" s="168"/>
      <c r="P150" s="227" t="s">
        <v>39</v>
      </c>
      <c r="Q150" s="221" t="s">
        <v>704</v>
      </c>
      <c r="R150" s="162"/>
      <c r="S150" s="167"/>
      <c r="T150" s="196"/>
      <c r="U150" s="167"/>
      <c r="V150" s="69"/>
      <c r="W150" s="70"/>
      <c r="X150" s="70"/>
      <c r="Y150" s="70"/>
      <c r="Z150" s="195" t="s">
        <v>1</v>
      </c>
      <c r="AA150" s="74"/>
      <c r="AB150" s="74"/>
      <c r="AC150" s="74"/>
      <c r="AD150" s="75"/>
      <c r="AE150" s="25"/>
      <c r="AF150" s="25"/>
      <c r="AG150" s="25"/>
      <c r="AH150" s="74"/>
      <c r="AI150" s="74"/>
      <c r="AJ150" s="74"/>
      <c r="AK150" s="74"/>
      <c r="AL150" s="75"/>
      <c r="AM150" s="25"/>
      <c r="AN150" s="25"/>
      <c r="AO150" s="32"/>
    </row>
    <row r="151" spans="1:41" s="59" customFormat="1" ht="9.75" customHeight="1">
      <c r="A151" s="40"/>
      <c r="B151" s="194"/>
      <c r="C151" s="169"/>
      <c r="D151" s="194"/>
      <c r="E151" s="169"/>
      <c r="F151" s="41"/>
      <c r="G151" s="169"/>
      <c r="H151" s="44"/>
      <c r="I151" s="169"/>
      <c r="J151" s="44"/>
      <c r="K151" s="192"/>
      <c r="L151" s="169"/>
      <c r="M151" s="191"/>
      <c r="N151" s="45"/>
      <c r="O151" s="168"/>
      <c r="P151" s="228"/>
      <c r="Q151" s="222"/>
      <c r="R151" s="169"/>
      <c r="S151" s="168" t="s">
        <v>887</v>
      </c>
      <c r="T151" s="190" t="s">
        <v>886</v>
      </c>
      <c r="U151" s="168"/>
      <c r="V151" s="44" t="s">
        <v>22</v>
      </c>
      <c r="W151" s="45" t="s">
        <v>22</v>
      </c>
      <c r="X151" s="45" t="s">
        <v>22</v>
      </c>
      <c r="Y151" s="45" t="s">
        <v>885</v>
      </c>
      <c r="Z151" s="189"/>
      <c r="AA151" s="33"/>
      <c r="AB151" s="33"/>
      <c r="AC151" s="33"/>
      <c r="AD151" s="34"/>
      <c r="AE151" s="35"/>
      <c r="AF151" s="35"/>
      <c r="AG151" s="35"/>
      <c r="AH151" s="33"/>
      <c r="AI151" s="33"/>
      <c r="AJ151" s="33"/>
      <c r="AK151" s="33"/>
      <c r="AL151" s="34"/>
      <c r="AM151" s="35"/>
      <c r="AN151" s="35"/>
      <c r="AO151" s="36"/>
    </row>
    <row r="152" spans="1:41" s="59" customFormat="1" ht="9.75" customHeight="1">
      <c r="A152" s="40"/>
      <c r="B152" s="194"/>
      <c r="C152" s="169"/>
      <c r="D152" s="194"/>
      <c r="E152" s="169"/>
      <c r="F152" s="41"/>
      <c r="G152" s="169"/>
      <c r="H152" s="44"/>
      <c r="I152" s="169"/>
      <c r="J152" s="44"/>
      <c r="K152" s="192"/>
      <c r="L152" s="169"/>
      <c r="M152" s="191"/>
      <c r="N152" s="45"/>
      <c r="O152" s="168"/>
      <c r="P152" s="229"/>
      <c r="Q152" s="223"/>
      <c r="R152" s="169"/>
      <c r="S152" s="168"/>
      <c r="T152" s="190"/>
      <c r="U152" s="168"/>
      <c r="V152" s="44"/>
      <c r="W152" s="45"/>
      <c r="X152" s="45"/>
      <c r="Y152" s="45"/>
      <c r="Z152" s="189"/>
      <c r="AA152" s="33"/>
      <c r="AB152" s="33"/>
      <c r="AC152" s="33"/>
      <c r="AD152" s="34"/>
      <c r="AE152" s="35"/>
      <c r="AF152" s="35"/>
      <c r="AG152" s="35"/>
      <c r="AH152" s="33"/>
      <c r="AI152" s="33"/>
      <c r="AJ152" s="33"/>
      <c r="AK152" s="33"/>
      <c r="AL152" s="34"/>
      <c r="AM152" s="35"/>
      <c r="AN152" s="35"/>
      <c r="AO152" s="36"/>
    </row>
    <row r="153" spans="1:41" s="59" customFormat="1" ht="9.75" customHeight="1">
      <c r="A153" s="40"/>
      <c r="B153" s="194"/>
      <c r="C153" s="169"/>
      <c r="D153" s="194"/>
      <c r="E153" s="169"/>
      <c r="F153" s="41"/>
      <c r="G153" s="169"/>
      <c r="H153" s="44"/>
      <c r="I153" s="169"/>
      <c r="J153" s="44"/>
      <c r="K153" s="192"/>
      <c r="L153" s="169"/>
      <c r="M153" s="191"/>
      <c r="N153" s="45"/>
      <c r="O153" s="168"/>
      <c r="P153" s="227" t="s">
        <v>40</v>
      </c>
      <c r="Q153" s="221" t="s">
        <v>700</v>
      </c>
      <c r="R153" s="162"/>
      <c r="S153" s="167"/>
      <c r="T153" s="196"/>
      <c r="U153" s="167"/>
      <c r="V153" s="69"/>
      <c r="W153" s="70"/>
      <c r="X153" s="70"/>
      <c r="Y153" s="70"/>
      <c r="Z153" s="195" t="s">
        <v>1</v>
      </c>
      <c r="AA153" s="74"/>
      <c r="AB153" s="74"/>
      <c r="AC153" s="74"/>
      <c r="AD153" s="75"/>
      <c r="AE153" s="25"/>
      <c r="AF153" s="25"/>
      <c r="AG153" s="25"/>
      <c r="AH153" s="74"/>
      <c r="AI153" s="74"/>
      <c r="AJ153" s="74"/>
      <c r="AK153" s="74"/>
      <c r="AL153" s="75"/>
      <c r="AM153" s="25"/>
      <c r="AN153" s="25"/>
      <c r="AO153" s="32"/>
    </row>
    <row r="154" spans="1:41" s="59" customFormat="1" ht="9.75" customHeight="1">
      <c r="A154" s="40"/>
      <c r="B154" s="194"/>
      <c r="C154" s="169"/>
      <c r="D154" s="194"/>
      <c r="E154" s="169"/>
      <c r="F154" s="41"/>
      <c r="G154" s="169"/>
      <c r="H154" s="44"/>
      <c r="I154" s="169"/>
      <c r="J154" s="44"/>
      <c r="K154" s="192"/>
      <c r="L154" s="169"/>
      <c r="M154" s="191"/>
      <c r="N154" s="45"/>
      <c r="O154" s="168"/>
      <c r="P154" s="228"/>
      <c r="Q154" s="222"/>
      <c r="R154" s="169"/>
      <c r="S154" s="168" t="s">
        <v>884</v>
      </c>
      <c r="T154" s="190" t="s">
        <v>883</v>
      </c>
      <c r="U154" s="168"/>
      <c r="V154" s="44" t="s">
        <v>22</v>
      </c>
      <c r="W154" s="45" t="s">
        <v>22</v>
      </c>
      <c r="X154" s="45" t="s">
        <v>22</v>
      </c>
      <c r="Y154" s="45" t="s">
        <v>882</v>
      </c>
      <c r="Z154" s="189"/>
      <c r="AA154" s="33"/>
      <c r="AB154" s="33"/>
      <c r="AC154" s="33"/>
      <c r="AD154" s="34"/>
      <c r="AE154" s="35"/>
      <c r="AF154" s="35"/>
      <c r="AG154" s="35"/>
      <c r="AH154" s="33"/>
      <c r="AI154" s="33"/>
      <c r="AJ154" s="33"/>
      <c r="AK154" s="33"/>
      <c r="AL154" s="34"/>
      <c r="AM154" s="35"/>
      <c r="AN154" s="35"/>
      <c r="AO154" s="36"/>
    </row>
    <row r="155" spans="1:41" s="59" customFormat="1" ht="9.75" customHeight="1">
      <c r="A155" s="40"/>
      <c r="B155" s="194"/>
      <c r="C155" s="169"/>
      <c r="D155" s="194"/>
      <c r="E155" s="169"/>
      <c r="F155" s="41"/>
      <c r="G155" s="169"/>
      <c r="H155" s="44"/>
      <c r="I155" s="169"/>
      <c r="J155" s="44"/>
      <c r="K155" s="192"/>
      <c r="L155" s="169"/>
      <c r="M155" s="191"/>
      <c r="N155" s="45"/>
      <c r="O155" s="168"/>
      <c r="P155" s="229"/>
      <c r="Q155" s="223"/>
      <c r="R155" s="169"/>
      <c r="S155" s="168"/>
      <c r="T155" s="190"/>
      <c r="U155" s="168"/>
      <c r="V155" s="44"/>
      <c r="W155" s="45"/>
      <c r="X155" s="45"/>
      <c r="Y155" s="45"/>
      <c r="Z155" s="189"/>
      <c r="AA155" s="33"/>
      <c r="AB155" s="33"/>
      <c r="AC155" s="33"/>
      <c r="AD155" s="34"/>
      <c r="AE155" s="35"/>
      <c r="AF155" s="35"/>
      <c r="AG155" s="35"/>
      <c r="AH155" s="33"/>
      <c r="AI155" s="33"/>
      <c r="AJ155" s="33"/>
      <c r="AK155" s="33"/>
      <c r="AL155" s="34"/>
      <c r="AM155" s="35"/>
      <c r="AN155" s="35"/>
      <c r="AO155" s="36"/>
    </row>
    <row r="156" spans="1:41" s="59" customFormat="1" ht="9.75" customHeight="1">
      <c r="A156" s="40"/>
      <c r="B156" s="194"/>
      <c r="C156" s="169"/>
      <c r="D156" s="194"/>
      <c r="E156" s="169"/>
      <c r="F156" s="41"/>
      <c r="G156" s="169"/>
      <c r="H156" s="44"/>
      <c r="I156" s="169"/>
      <c r="J156" s="44"/>
      <c r="K156" s="192"/>
      <c r="L156" s="169"/>
      <c r="M156" s="191"/>
      <c r="N156" s="45"/>
      <c r="O156" s="168"/>
      <c r="P156" s="227" t="s">
        <v>79</v>
      </c>
      <c r="Q156" s="221" t="s">
        <v>699</v>
      </c>
      <c r="R156" s="162"/>
      <c r="S156" s="167"/>
      <c r="T156" s="196"/>
      <c r="U156" s="167"/>
      <c r="V156" s="69"/>
      <c r="W156" s="70"/>
      <c r="X156" s="70"/>
      <c r="Y156" s="70"/>
      <c r="Z156" s="195" t="s">
        <v>1</v>
      </c>
      <c r="AA156" s="74"/>
      <c r="AB156" s="74"/>
      <c r="AC156" s="74"/>
      <c r="AD156" s="75"/>
      <c r="AE156" s="25"/>
      <c r="AF156" s="25"/>
      <c r="AG156" s="25"/>
      <c r="AH156" s="74"/>
      <c r="AI156" s="74"/>
      <c r="AJ156" s="74"/>
      <c r="AK156" s="74"/>
      <c r="AL156" s="75"/>
      <c r="AM156" s="25"/>
      <c r="AN156" s="25"/>
      <c r="AO156" s="32"/>
    </row>
    <row r="157" spans="1:41" s="59" customFormat="1" ht="9.75" customHeight="1">
      <c r="A157" s="40"/>
      <c r="B157" s="194"/>
      <c r="C157" s="169"/>
      <c r="D157" s="194"/>
      <c r="E157" s="169"/>
      <c r="F157" s="41"/>
      <c r="G157" s="169"/>
      <c r="H157" s="44"/>
      <c r="I157" s="169"/>
      <c r="J157" s="44"/>
      <c r="K157" s="192"/>
      <c r="L157" s="169"/>
      <c r="M157" s="191"/>
      <c r="N157" s="45"/>
      <c r="O157" s="168"/>
      <c r="P157" s="228"/>
      <c r="Q157" s="222"/>
      <c r="R157" s="169"/>
      <c r="S157" s="168" t="s">
        <v>881</v>
      </c>
      <c r="T157" s="190" t="s">
        <v>880</v>
      </c>
      <c r="U157" s="168"/>
      <c r="V157" s="44" t="s">
        <v>22</v>
      </c>
      <c r="W157" s="45" t="s">
        <v>22</v>
      </c>
      <c r="X157" s="45" t="s">
        <v>22</v>
      </c>
      <c r="Y157" s="45" t="s">
        <v>879</v>
      </c>
      <c r="Z157" s="189"/>
      <c r="AA157" s="33"/>
      <c r="AB157" s="33"/>
      <c r="AC157" s="33"/>
      <c r="AD157" s="34"/>
      <c r="AE157" s="35"/>
      <c r="AF157" s="35"/>
      <c r="AG157" s="35"/>
      <c r="AH157" s="33"/>
      <c r="AI157" s="33"/>
      <c r="AJ157" s="33"/>
      <c r="AK157" s="33"/>
      <c r="AL157" s="34"/>
      <c r="AM157" s="35"/>
      <c r="AN157" s="35"/>
      <c r="AO157" s="36"/>
    </row>
    <row r="158" spans="1:41" s="59" customFormat="1" ht="9.75" customHeight="1">
      <c r="A158" s="40"/>
      <c r="B158" s="194"/>
      <c r="C158" s="169"/>
      <c r="D158" s="194"/>
      <c r="E158" s="169"/>
      <c r="F158" s="41"/>
      <c r="G158" s="169"/>
      <c r="H158" s="44"/>
      <c r="I158" s="169"/>
      <c r="J158" s="44"/>
      <c r="K158" s="192"/>
      <c r="L158" s="169"/>
      <c r="M158" s="191"/>
      <c r="N158" s="45"/>
      <c r="O158" s="168"/>
      <c r="P158" s="229"/>
      <c r="Q158" s="223"/>
      <c r="R158" s="169"/>
      <c r="S158" s="168"/>
      <c r="T158" s="190"/>
      <c r="U158" s="168"/>
      <c r="V158" s="44"/>
      <c r="W158" s="45"/>
      <c r="X158" s="45"/>
      <c r="Y158" s="45"/>
      <c r="Z158" s="189"/>
      <c r="AA158" s="33"/>
      <c r="AB158" s="33"/>
      <c r="AC158" s="33"/>
      <c r="AD158" s="34"/>
      <c r="AE158" s="35"/>
      <c r="AF158" s="35"/>
      <c r="AG158" s="35"/>
      <c r="AH158" s="33"/>
      <c r="AI158" s="33"/>
      <c r="AJ158" s="33"/>
      <c r="AK158" s="33"/>
      <c r="AL158" s="34"/>
      <c r="AM158" s="35"/>
      <c r="AN158" s="35"/>
      <c r="AO158" s="36"/>
    </row>
    <row r="159" spans="1:41" s="59" customFormat="1" ht="9.75" customHeight="1">
      <c r="A159" s="40"/>
      <c r="B159" s="194"/>
      <c r="C159" s="169"/>
      <c r="D159" s="194"/>
      <c r="E159" s="169"/>
      <c r="F159" s="41"/>
      <c r="G159" s="169"/>
      <c r="H159" s="44"/>
      <c r="I159" s="169"/>
      <c r="J159" s="44"/>
      <c r="K159" s="192"/>
      <c r="L159" s="169"/>
      <c r="M159" s="191"/>
      <c r="N159" s="45"/>
      <c r="O159" s="168"/>
      <c r="P159" s="227" t="s">
        <v>100</v>
      </c>
      <c r="Q159" s="230" t="s">
        <v>695</v>
      </c>
      <c r="R159" s="162"/>
      <c r="S159" s="167"/>
      <c r="T159" s="196"/>
      <c r="U159" s="167"/>
      <c r="V159" s="69"/>
      <c r="W159" s="70"/>
      <c r="X159" s="70"/>
      <c r="Y159" s="70"/>
      <c r="Z159" s="195" t="s">
        <v>1</v>
      </c>
      <c r="AA159" s="74"/>
      <c r="AB159" s="74"/>
      <c r="AC159" s="74"/>
      <c r="AD159" s="75"/>
      <c r="AE159" s="25"/>
      <c r="AF159" s="25"/>
      <c r="AG159" s="25"/>
      <c r="AH159" s="74"/>
      <c r="AI159" s="74"/>
      <c r="AJ159" s="74"/>
      <c r="AK159" s="74"/>
      <c r="AL159" s="75"/>
      <c r="AM159" s="25"/>
      <c r="AN159" s="25"/>
      <c r="AO159" s="32"/>
    </row>
    <row r="160" spans="1:41" s="59" customFormat="1" ht="9.75" customHeight="1">
      <c r="A160" s="40"/>
      <c r="B160" s="194"/>
      <c r="C160" s="169"/>
      <c r="D160" s="194"/>
      <c r="E160" s="169"/>
      <c r="F160" s="41"/>
      <c r="G160" s="169"/>
      <c r="H160" s="44"/>
      <c r="I160" s="169"/>
      <c r="J160" s="44"/>
      <c r="K160" s="192"/>
      <c r="L160" s="169"/>
      <c r="M160" s="191"/>
      <c r="N160" s="45"/>
      <c r="O160" s="168"/>
      <c r="P160" s="228"/>
      <c r="Q160" s="222"/>
      <c r="R160" s="169"/>
      <c r="S160" s="168" t="s">
        <v>878</v>
      </c>
      <c r="T160" s="190" t="s">
        <v>877</v>
      </c>
      <c r="U160" s="168"/>
      <c r="V160" s="44" t="s">
        <v>22</v>
      </c>
      <c r="W160" s="45" t="s">
        <v>22</v>
      </c>
      <c r="X160" s="45" t="s">
        <v>22</v>
      </c>
      <c r="Y160" s="45" t="s">
        <v>876</v>
      </c>
      <c r="Z160" s="189"/>
      <c r="AA160" s="33"/>
      <c r="AB160" s="33"/>
      <c r="AC160" s="33"/>
      <c r="AD160" s="34"/>
      <c r="AE160" s="35"/>
      <c r="AF160" s="35"/>
      <c r="AG160" s="35"/>
      <c r="AH160" s="33"/>
      <c r="AI160" s="33"/>
      <c r="AJ160" s="33"/>
      <c r="AK160" s="33"/>
      <c r="AL160" s="34"/>
      <c r="AM160" s="35"/>
      <c r="AN160" s="35"/>
      <c r="AO160" s="36"/>
    </row>
    <row r="161" spans="1:46" s="59" customFormat="1" ht="9.75" customHeight="1">
      <c r="A161" s="40"/>
      <c r="B161" s="194"/>
      <c r="C161" s="169"/>
      <c r="D161" s="194"/>
      <c r="E161" s="169"/>
      <c r="F161" s="41"/>
      <c r="G161" s="169"/>
      <c r="H161" s="44"/>
      <c r="I161" s="169"/>
      <c r="J161" s="44"/>
      <c r="K161" s="192"/>
      <c r="L161" s="169"/>
      <c r="M161" s="191"/>
      <c r="N161" s="45"/>
      <c r="O161" s="168"/>
      <c r="P161" s="229"/>
      <c r="Q161" s="223"/>
      <c r="R161" s="169"/>
      <c r="S161" s="168"/>
      <c r="T161" s="190"/>
      <c r="U161" s="168"/>
      <c r="V161" s="44"/>
      <c r="W161" s="45"/>
      <c r="X161" s="45"/>
      <c r="Y161" s="45"/>
      <c r="Z161" s="189"/>
      <c r="AA161" s="33"/>
      <c r="AB161" s="33"/>
      <c r="AC161" s="33"/>
      <c r="AD161" s="34"/>
      <c r="AE161" s="35"/>
      <c r="AF161" s="35"/>
      <c r="AG161" s="35"/>
      <c r="AH161" s="33"/>
      <c r="AI161" s="33"/>
      <c r="AJ161" s="33"/>
      <c r="AK161" s="33"/>
      <c r="AL161" s="34"/>
      <c r="AM161" s="35"/>
      <c r="AN161" s="35"/>
      <c r="AO161" s="36"/>
    </row>
    <row r="162" spans="1:46" s="59" customFormat="1" ht="9.75" customHeight="1">
      <c r="A162" s="40"/>
      <c r="B162" s="194"/>
      <c r="C162" s="169"/>
      <c r="D162" s="194"/>
      <c r="E162" s="169"/>
      <c r="F162" s="41"/>
      <c r="G162" s="169"/>
      <c r="H162" s="44"/>
      <c r="I162" s="169"/>
      <c r="J162" s="44"/>
      <c r="K162" s="192"/>
      <c r="L162" s="169"/>
      <c r="M162" s="191"/>
      <c r="N162" s="45"/>
      <c r="O162" s="168"/>
      <c r="P162" s="227" t="s">
        <v>875</v>
      </c>
      <c r="Q162" s="221" t="s">
        <v>874</v>
      </c>
      <c r="R162" s="162"/>
      <c r="S162" s="167"/>
      <c r="T162" s="196"/>
      <c r="U162" s="167"/>
      <c r="V162" s="69"/>
      <c r="W162" s="70"/>
      <c r="X162" s="70"/>
      <c r="Y162" s="70"/>
      <c r="Z162" s="195" t="s">
        <v>1</v>
      </c>
      <c r="AA162" s="74"/>
      <c r="AB162" s="74"/>
      <c r="AC162" s="74"/>
      <c r="AD162" s="75"/>
      <c r="AE162" s="25"/>
      <c r="AF162" s="25"/>
      <c r="AG162" s="25"/>
      <c r="AH162" s="74"/>
      <c r="AI162" s="74"/>
      <c r="AJ162" s="74"/>
      <c r="AK162" s="74"/>
      <c r="AL162" s="75"/>
      <c r="AM162" s="25"/>
      <c r="AN162" s="25"/>
      <c r="AO162" s="32"/>
    </row>
    <row r="163" spans="1:46" s="59" customFormat="1" ht="9.75" customHeight="1">
      <c r="A163" s="40"/>
      <c r="B163" s="194"/>
      <c r="C163" s="169"/>
      <c r="D163" s="194"/>
      <c r="E163" s="169"/>
      <c r="F163" s="41"/>
      <c r="G163" s="169"/>
      <c r="H163" s="44"/>
      <c r="I163" s="169"/>
      <c r="J163" s="44"/>
      <c r="K163" s="192"/>
      <c r="L163" s="169"/>
      <c r="M163" s="191"/>
      <c r="N163" s="45"/>
      <c r="O163" s="168"/>
      <c r="P163" s="228"/>
      <c r="Q163" s="222"/>
      <c r="R163" s="169"/>
      <c r="S163" s="168" t="s">
        <v>873</v>
      </c>
      <c r="T163" s="190" t="s">
        <v>872</v>
      </c>
      <c r="U163" s="168"/>
      <c r="V163" s="44" t="s">
        <v>22</v>
      </c>
      <c r="W163" s="45" t="s">
        <v>22</v>
      </c>
      <c r="X163" s="45" t="s">
        <v>22</v>
      </c>
      <c r="Y163" s="45" t="s">
        <v>871</v>
      </c>
      <c r="Z163" s="189"/>
      <c r="AA163" s="33"/>
      <c r="AB163" s="33"/>
      <c r="AC163" s="33"/>
      <c r="AD163" s="34"/>
      <c r="AE163" s="35"/>
      <c r="AF163" s="35"/>
      <c r="AG163" s="35"/>
      <c r="AH163" s="33"/>
      <c r="AI163" s="33"/>
      <c r="AJ163" s="33"/>
      <c r="AK163" s="33"/>
      <c r="AL163" s="34"/>
      <c r="AM163" s="35"/>
      <c r="AN163" s="35"/>
      <c r="AO163" s="36"/>
    </row>
    <row r="164" spans="1:46" s="59" customFormat="1" ht="9.75" customHeight="1">
      <c r="A164" s="40"/>
      <c r="B164" s="194"/>
      <c r="C164" s="169"/>
      <c r="D164" s="194"/>
      <c r="E164" s="169"/>
      <c r="F164" s="41"/>
      <c r="G164" s="169"/>
      <c r="H164" s="44"/>
      <c r="I164" s="169"/>
      <c r="J164" s="44"/>
      <c r="K164" s="192"/>
      <c r="L164" s="169"/>
      <c r="M164" s="191"/>
      <c r="N164" s="45"/>
      <c r="O164" s="168"/>
      <c r="P164" s="229"/>
      <c r="Q164" s="223"/>
      <c r="R164" s="169"/>
      <c r="S164" s="168"/>
      <c r="T164" s="190"/>
      <c r="U164" s="168"/>
      <c r="V164" s="44"/>
      <c r="W164" s="45"/>
      <c r="X164" s="45"/>
      <c r="Y164" s="45"/>
      <c r="Z164" s="189"/>
      <c r="AA164" s="33"/>
      <c r="AB164" s="33"/>
      <c r="AC164" s="33"/>
      <c r="AD164" s="34"/>
      <c r="AE164" s="35"/>
      <c r="AF164" s="35"/>
      <c r="AG164" s="35"/>
      <c r="AH164" s="33"/>
      <c r="AI164" s="33"/>
      <c r="AJ164" s="33"/>
      <c r="AK164" s="33"/>
      <c r="AL164" s="34"/>
      <c r="AM164" s="35"/>
      <c r="AN164" s="35"/>
      <c r="AO164" s="36"/>
    </row>
    <row r="165" spans="1:46" s="59" customFormat="1" ht="9.75" customHeight="1">
      <c r="A165" s="40"/>
      <c r="B165" s="194"/>
      <c r="C165" s="169"/>
      <c r="D165" s="194"/>
      <c r="E165" s="169"/>
      <c r="F165" s="41"/>
      <c r="G165" s="169"/>
      <c r="H165" s="44"/>
      <c r="I165" s="169"/>
      <c r="J165" s="44"/>
      <c r="K165" s="192"/>
      <c r="L165" s="169"/>
      <c r="M165" s="191"/>
      <c r="N165" s="45"/>
      <c r="O165" s="168"/>
      <c r="P165" s="227" t="s">
        <v>870</v>
      </c>
      <c r="Q165" s="230" t="s">
        <v>869</v>
      </c>
      <c r="R165" s="162"/>
      <c r="S165" s="167"/>
      <c r="T165" s="196"/>
      <c r="U165" s="167"/>
      <c r="V165" s="69"/>
      <c r="W165" s="70"/>
      <c r="X165" s="70"/>
      <c r="Y165" s="70"/>
      <c r="Z165" s="195" t="s">
        <v>1</v>
      </c>
      <c r="AA165" s="74"/>
      <c r="AB165" s="74"/>
      <c r="AC165" s="74"/>
      <c r="AD165" s="75"/>
      <c r="AE165" s="25"/>
      <c r="AF165" s="25"/>
      <c r="AG165" s="25"/>
      <c r="AH165" s="74"/>
      <c r="AI165" s="74"/>
      <c r="AJ165" s="74"/>
      <c r="AK165" s="74"/>
      <c r="AL165" s="75"/>
      <c r="AM165" s="25"/>
      <c r="AN165" s="25"/>
      <c r="AO165" s="32"/>
    </row>
    <row r="166" spans="1:46" s="59" customFormat="1" ht="9.75" customHeight="1">
      <c r="A166" s="40"/>
      <c r="B166" s="194"/>
      <c r="C166" s="169"/>
      <c r="D166" s="194"/>
      <c r="E166" s="169"/>
      <c r="F166" s="41"/>
      <c r="G166" s="169"/>
      <c r="H166" s="44"/>
      <c r="I166" s="169"/>
      <c r="J166" s="44"/>
      <c r="K166" s="192"/>
      <c r="L166" s="169"/>
      <c r="M166" s="191"/>
      <c r="N166" s="45"/>
      <c r="O166" s="168"/>
      <c r="P166" s="228"/>
      <c r="Q166" s="222"/>
      <c r="R166" s="169"/>
      <c r="S166" s="168" t="s">
        <v>868</v>
      </c>
      <c r="T166" s="190" t="s">
        <v>867</v>
      </c>
      <c r="U166" s="168"/>
      <c r="V166" s="44" t="s">
        <v>22</v>
      </c>
      <c r="W166" s="45" t="s">
        <v>22</v>
      </c>
      <c r="X166" s="45" t="s">
        <v>22</v>
      </c>
      <c r="Y166" s="45" t="s">
        <v>866</v>
      </c>
      <c r="Z166" s="189"/>
      <c r="AA166" s="33"/>
      <c r="AB166" s="33"/>
      <c r="AC166" s="33"/>
      <c r="AD166" s="34"/>
      <c r="AE166" s="35"/>
      <c r="AF166" s="35"/>
      <c r="AG166" s="35"/>
      <c r="AH166" s="33"/>
      <c r="AI166" s="33"/>
      <c r="AJ166" s="33"/>
      <c r="AK166" s="33"/>
      <c r="AL166" s="34"/>
      <c r="AM166" s="35"/>
      <c r="AN166" s="35"/>
      <c r="AO166" s="36"/>
    </row>
    <row r="167" spans="1:46" s="59" customFormat="1" ht="9.75" customHeight="1">
      <c r="A167" s="40"/>
      <c r="B167" s="194"/>
      <c r="C167" s="169"/>
      <c r="D167" s="194"/>
      <c r="E167" s="169"/>
      <c r="F167" s="41"/>
      <c r="G167" s="169"/>
      <c r="H167" s="44"/>
      <c r="I167" s="169"/>
      <c r="J167" s="44"/>
      <c r="K167" s="192"/>
      <c r="L167" s="169"/>
      <c r="M167" s="191"/>
      <c r="N167" s="45"/>
      <c r="O167" s="168"/>
      <c r="P167" s="229"/>
      <c r="Q167" s="223"/>
      <c r="R167" s="169"/>
      <c r="S167" s="168"/>
      <c r="T167" s="190"/>
      <c r="U167" s="168"/>
      <c r="V167" s="44"/>
      <c r="W167" s="45"/>
      <c r="X167" s="45"/>
      <c r="Y167" s="45"/>
      <c r="Z167" s="189"/>
      <c r="AA167" s="33"/>
      <c r="AB167" s="33"/>
      <c r="AC167" s="33"/>
      <c r="AD167" s="34"/>
      <c r="AE167" s="35"/>
      <c r="AF167" s="35"/>
      <c r="AG167" s="35"/>
      <c r="AH167" s="33"/>
      <c r="AI167" s="33"/>
      <c r="AJ167" s="33"/>
      <c r="AK167" s="33"/>
      <c r="AL167" s="34"/>
      <c r="AM167" s="35"/>
      <c r="AN167" s="35"/>
      <c r="AO167" s="36"/>
    </row>
    <row r="168" spans="1:46" s="59" customFormat="1" ht="9.75" customHeight="1">
      <c r="A168" s="40"/>
      <c r="B168" s="194"/>
      <c r="C168" s="169"/>
      <c r="D168" s="194"/>
      <c r="E168" s="169"/>
      <c r="F168" s="41"/>
      <c r="G168" s="169"/>
      <c r="H168" s="44"/>
      <c r="I168" s="169"/>
      <c r="J168" s="44"/>
      <c r="K168" s="192"/>
      <c r="L168" s="169"/>
      <c r="M168" s="191"/>
      <c r="N168" s="45"/>
      <c r="O168" s="168"/>
      <c r="P168" s="227" t="s">
        <v>865</v>
      </c>
      <c r="Q168" s="221" t="s">
        <v>864</v>
      </c>
      <c r="R168" s="162"/>
      <c r="S168" s="167"/>
      <c r="T168" s="196"/>
      <c r="U168" s="167"/>
      <c r="V168" s="69"/>
      <c r="W168" s="70"/>
      <c r="X168" s="70"/>
      <c r="Y168" s="70"/>
      <c r="Z168" s="195" t="s">
        <v>1</v>
      </c>
      <c r="AA168" s="74"/>
      <c r="AB168" s="74"/>
      <c r="AC168" s="74"/>
      <c r="AD168" s="75"/>
      <c r="AE168" s="25"/>
      <c r="AF168" s="25"/>
      <c r="AG168" s="25"/>
      <c r="AH168" s="74"/>
      <c r="AI168" s="74"/>
      <c r="AJ168" s="74"/>
      <c r="AK168" s="74"/>
      <c r="AL168" s="75"/>
      <c r="AM168" s="25"/>
      <c r="AN168" s="25"/>
      <c r="AO168" s="32"/>
    </row>
    <row r="169" spans="1:46" s="59" customFormat="1" ht="9.75" customHeight="1">
      <c r="A169" s="40"/>
      <c r="B169" s="194"/>
      <c r="C169" s="169"/>
      <c r="D169" s="194"/>
      <c r="E169" s="169"/>
      <c r="F169" s="41"/>
      <c r="G169" s="169"/>
      <c r="H169" s="44"/>
      <c r="I169" s="169"/>
      <c r="J169" s="44"/>
      <c r="K169" s="192"/>
      <c r="L169" s="169"/>
      <c r="M169" s="191"/>
      <c r="N169" s="45"/>
      <c r="O169" s="168"/>
      <c r="P169" s="228"/>
      <c r="Q169" s="222"/>
      <c r="R169" s="169"/>
      <c r="S169" s="168" t="s">
        <v>863</v>
      </c>
      <c r="T169" s="190" t="s">
        <v>862</v>
      </c>
      <c r="U169" s="168"/>
      <c r="V169" s="44" t="s">
        <v>22</v>
      </c>
      <c r="W169" s="45" t="s">
        <v>22</v>
      </c>
      <c r="X169" s="45" t="s">
        <v>22</v>
      </c>
      <c r="Y169" s="45" t="s">
        <v>861</v>
      </c>
      <c r="Z169" s="189"/>
      <c r="AA169" s="33"/>
      <c r="AB169" s="33"/>
      <c r="AC169" s="33"/>
      <c r="AD169" s="34"/>
      <c r="AE169" s="35"/>
      <c r="AF169" s="35"/>
      <c r="AG169" s="35"/>
      <c r="AH169" s="33"/>
      <c r="AI169" s="33"/>
      <c r="AJ169" s="33"/>
      <c r="AK169" s="33"/>
      <c r="AL169" s="34"/>
      <c r="AM169" s="35"/>
      <c r="AN169" s="35"/>
      <c r="AO169" s="36"/>
    </row>
    <row r="170" spans="1:46" s="59" customFormat="1" ht="9.75" customHeight="1">
      <c r="A170" s="77"/>
      <c r="B170" s="179"/>
      <c r="C170" s="79"/>
      <c r="D170" s="179"/>
      <c r="E170" s="79"/>
      <c r="F170" s="78"/>
      <c r="G170" s="79"/>
      <c r="H170" s="80"/>
      <c r="I170" s="79"/>
      <c r="J170" s="80"/>
      <c r="K170" s="178"/>
      <c r="L170" s="79"/>
      <c r="M170" s="177"/>
      <c r="N170" s="81"/>
      <c r="O170" s="82"/>
      <c r="P170" s="314"/>
      <c r="Q170" s="313"/>
      <c r="R170" s="79"/>
      <c r="S170" s="82"/>
      <c r="T170" s="176"/>
      <c r="U170" s="82"/>
      <c r="V170" s="80"/>
      <c r="W170" s="81"/>
      <c r="X170" s="81"/>
      <c r="Y170" s="81"/>
      <c r="Z170" s="216"/>
      <c r="AA170" s="85"/>
      <c r="AB170" s="85"/>
      <c r="AC170" s="85"/>
      <c r="AD170" s="86"/>
      <c r="AE170" s="87"/>
      <c r="AF170" s="87"/>
      <c r="AG170" s="87"/>
      <c r="AH170" s="85"/>
      <c r="AI170" s="85"/>
      <c r="AJ170" s="85"/>
      <c r="AK170" s="85"/>
      <c r="AL170" s="86"/>
      <c r="AM170" s="87"/>
      <c r="AN170" s="87"/>
      <c r="AO170" s="88"/>
    </row>
    <row r="171" spans="1:46" ht="9.75" customHeight="1">
      <c r="Z171" s="39"/>
      <c r="AA171" s="39"/>
      <c r="AB171" s="39"/>
      <c r="AC171" s="39"/>
      <c r="AD171" s="39"/>
      <c r="AE171" s="39"/>
      <c r="AF171" s="39"/>
      <c r="AG171" s="39"/>
      <c r="AH171" s="39"/>
      <c r="AI171" s="39"/>
      <c r="AJ171" s="39"/>
      <c r="AK171" s="39"/>
      <c r="AL171" s="39"/>
      <c r="AM171" s="39"/>
      <c r="AN171" s="39"/>
      <c r="AO171" s="39"/>
    </row>
    <row r="174" spans="1:46" s="2" customFormat="1" ht="3.75" customHeight="1">
      <c r="A174" s="212"/>
      <c r="B174" s="212"/>
      <c r="C174" s="212"/>
      <c r="D174" s="212"/>
      <c r="E174" s="212"/>
      <c r="F174" s="212"/>
      <c r="G174" s="212"/>
      <c r="H174" s="212"/>
      <c r="I174" s="212"/>
      <c r="J174" s="212"/>
      <c r="K174" s="212"/>
      <c r="L174" s="212"/>
      <c r="M174" s="212"/>
      <c r="N174" s="212"/>
      <c r="O174" s="212"/>
      <c r="P174" s="212"/>
      <c r="Q174" s="212"/>
      <c r="R174" s="212"/>
      <c r="S174" s="212"/>
      <c r="T174" s="212"/>
      <c r="U174" s="212"/>
      <c r="V174" s="212"/>
      <c r="W174" s="212"/>
      <c r="X174" s="212"/>
      <c r="Y174" s="212"/>
      <c r="Z174" s="212"/>
      <c r="AA174" s="212"/>
      <c r="AB174" s="212"/>
      <c r="AC174" s="212"/>
      <c r="AD174" s="212"/>
      <c r="AE174" s="212"/>
      <c r="AF174" s="212"/>
      <c r="AG174" s="212"/>
      <c r="AH174" s="212"/>
      <c r="AI174" s="212"/>
      <c r="AJ174" s="212"/>
      <c r="AK174" s="212"/>
      <c r="AL174" s="212"/>
      <c r="AM174" s="212"/>
      <c r="AN174" s="212"/>
      <c r="AO174" s="212"/>
      <c r="AP174" s="212"/>
      <c r="AQ174" s="212"/>
      <c r="AR174" s="211"/>
      <c r="AS174" s="211"/>
      <c r="AT174" s="211"/>
    </row>
    <row r="175" spans="1:46" s="2" customFormat="1" ht="11.25" customHeight="1">
      <c r="A175" s="5"/>
      <c r="B175" s="5"/>
      <c r="C175" s="5"/>
      <c r="D175" s="5"/>
      <c r="E175" s="5"/>
      <c r="F175" s="5"/>
      <c r="G175" s="5"/>
      <c r="H175" s="5"/>
      <c r="I175" s="5"/>
      <c r="J175" s="5"/>
      <c r="K175" s="5"/>
      <c r="L175" s="5"/>
      <c r="M175" s="5"/>
      <c r="N175" s="5"/>
      <c r="O175" s="5"/>
      <c r="P175" s="5"/>
      <c r="Q175" s="5"/>
      <c r="R175" s="5"/>
      <c r="S175" s="5"/>
      <c r="T175" s="5"/>
      <c r="U175" s="5"/>
      <c r="V175" s="5"/>
      <c r="W175" s="5"/>
      <c r="X175" s="5"/>
      <c r="Y175" s="5"/>
      <c r="Z175" s="5"/>
      <c r="AA175" s="5"/>
      <c r="AB175" s="5"/>
      <c r="AC175" s="5"/>
      <c r="AD175" s="5"/>
      <c r="AE175" s="5"/>
      <c r="AF175" s="5"/>
      <c r="AG175" s="5"/>
      <c r="AH175" s="5"/>
      <c r="AI175" s="5"/>
      <c r="AJ175" s="5"/>
      <c r="AK175" s="5"/>
      <c r="AL175" s="5"/>
      <c r="AM175" s="5"/>
      <c r="AN175" s="5"/>
      <c r="AO175" s="5"/>
      <c r="AP175" s="5"/>
      <c r="AQ175" s="5"/>
      <c r="AR175" s="7"/>
      <c r="AS175" s="7"/>
      <c r="AT175" s="7"/>
    </row>
    <row r="176" spans="1:46" s="2" customFormat="1" ht="26.25" customHeight="1">
      <c r="A176" s="210"/>
      <c r="B176" s="8" t="s">
        <v>720</v>
      </c>
      <c r="C176" s="209"/>
      <c r="D176" s="133" t="s">
        <v>860</v>
      </c>
      <c r="E176" s="8"/>
      <c r="F176" s="8"/>
      <c r="G176" s="8"/>
      <c r="H176" s="8"/>
      <c r="I176" s="8"/>
      <c r="J176" s="8"/>
      <c r="K176" s="8"/>
      <c r="L176" s="8"/>
      <c r="M176" s="8"/>
      <c r="N176" s="8"/>
      <c r="O176" s="8"/>
      <c r="P176" s="8"/>
      <c r="Q176" s="8"/>
      <c r="R176" s="8"/>
      <c r="S176" s="8"/>
      <c r="T176" s="5"/>
      <c r="U176" s="5"/>
      <c r="V176" s="5"/>
      <c r="W176" s="5"/>
      <c r="X176" s="5"/>
      <c r="Y176" s="5"/>
      <c r="Z176" s="5"/>
      <c r="AA176" s="5"/>
      <c r="AB176" s="5"/>
      <c r="AC176" s="5"/>
      <c r="AD176" s="5"/>
      <c r="AE176" s="5"/>
      <c r="AF176" s="5"/>
      <c r="AG176" s="5"/>
      <c r="AH176" s="5"/>
      <c r="AI176" s="5"/>
      <c r="AJ176" s="5"/>
      <c r="AK176" s="5"/>
      <c r="AL176" s="5"/>
      <c r="AM176" s="5"/>
      <c r="AN176" s="5"/>
      <c r="AO176" s="208" t="s">
        <v>1</v>
      </c>
      <c r="AP176" s="5"/>
      <c r="AQ176" s="5"/>
      <c r="AR176" s="7"/>
      <c r="AS176" s="7"/>
      <c r="AT176" s="7"/>
    </row>
    <row r="177" spans="1:46" ht="14.25" customHeight="1">
      <c r="A177" s="233" t="s">
        <v>2</v>
      </c>
      <c r="B177" s="234"/>
      <c r="C177" s="239" t="s">
        <v>3</v>
      </c>
      <c r="D177" s="234"/>
      <c r="E177" s="239" t="s">
        <v>4</v>
      </c>
      <c r="F177" s="234"/>
      <c r="G177" s="242" t="s">
        <v>5</v>
      </c>
      <c r="H177" s="243"/>
      <c r="I177" s="243"/>
      <c r="J177" s="243"/>
      <c r="K177" s="243"/>
      <c r="L177" s="243"/>
      <c r="M177" s="243"/>
      <c r="N177" s="243"/>
      <c r="O177" s="243"/>
      <c r="P177" s="243"/>
      <c r="Q177" s="243"/>
      <c r="R177" s="243"/>
      <c r="S177" s="243"/>
      <c r="T177" s="290" t="s">
        <v>718</v>
      </c>
      <c r="U177" s="243" t="s">
        <v>717</v>
      </c>
      <c r="V177" s="243"/>
      <c r="W177" s="243"/>
      <c r="X177" s="244"/>
      <c r="Y177" s="275" t="s">
        <v>716</v>
      </c>
      <c r="Z177" s="239" t="s">
        <v>10</v>
      </c>
      <c r="AA177" s="251"/>
      <c r="AB177" s="251"/>
      <c r="AC177" s="251"/>
      <c r="AD177" s="251"/>
      <c r="AE177" s="251"/>
      <c r="AF177" s="251"/>
      <c r="AG177" s="251"/>
      <c r="AH177" s="251"/>
      <c r="AI177" s="251"/>
      <c r="AJ177" s="251"/>
      <c r="AK177" s="251"/>
      <c r="AL177" s="251"/>
      <c r="AM177" s="251"/>
      <c r="AN177" s="251"/>
      <c r="AO177" s="245"/>
      <c r="AP177" s="15"/>
      <c r="AQ177" s="15"/>
      <c r="AR177" s="16"/>
      <c r="AS177" s="16"/>
      <c r="AT177" s="16"/>
    </row>
    <row r="178" spans="1:46" ht="14.25" customHeight="1">
      <c r="A178" s="235"/>
      <c r="B178" s="236"/>
      <c r="C178" s="240"/>
      <c r="D178" s="236"/>
      <c r="E178" s="240"/>
      <c r="F178" s="236"/>
      <c r="G178" s="276" t="s">
        <v>11</v>
      </c>
      <c r="H178" s="254"/>
      <c r="I178" s="276" t="s">
        <v>12</v>
      </c>
      <c r="J178" s="254"/>
      <c r="K178" s="302" t="s">
        <v>859</v>
      </c>
      <c r="L178" s="305" t="s">
        <v>858</v>
      </c>
      <c r="M178" s="306"/>
      <c r="N178" s="258" t="s">
        <v>14</v>
      </c>
      <c r="O178" s="164"/>
      <c r="P178" s="261" t="s">
        <v>15</v>
      </c>
      <c r="Q178" s="261"/>
      <c r="R178" s="261"/>
      <c r="S178" s="261"/>
      <c r="T178" s="291"/>
      <c r="U178" s="285" t="s">
        <v>713</v>
      </c>
      <c r="V178" s="221"/>
      <c r="W178" s="258" t="s">
        <v>712</v>
      </c>
      <c r="X178" s="258" t="s">
        <v>711</v>
      </c>
      <c r="Y178" s="259"/>
      <c r="Z178" s="240"/>
      <c r="AA178" s="250"/>
      <c r="AB178" s="250"/>
      <c r="AC178" s="250"/>
      <c r="AD178" s="250"/>
      <c r="AE178" s="250"/>
      <c r="AF178" s="250"/>
      <c r="AG178" s="250"/>
      <c r="AH178" s="250"/>
      <c r="AI178" s="250"/>
      <c r="AJ178" s="250"/>
      <c r="AK178" s="250"/>
      <c r="AL178" s="250"/>
      <c r="AM178" s="250"/>
      <c r="AN178" s="250"/>
      <c r="AO178" s="246"/>
      <c r="AP178" s="15"/>
      <c r="AQ178" s="15"/>
      <c r="AR178" s="16"/>
      <c r="AS178" s="16"/>
      <c r="AT178" s="16"/>
    </row>
    <row r="179" spans="1:46" ht="4.5" customHeight="1">
      <c r="A179" s="235"/>
      <c r="B179" s="236"/>
      <c r="C179" s="240"/>
      <c r="D179" s="236"/>
      <c r="E179" s="240"/>
      <c r="F179" s="236"/>
      <c r="G179" s="240"/>
      <c r="H179" s="236"/>
      <c r="I179" s="240"/>
      <c r="J179" s="236"/>
      <c r="K179" s="303"/>
      <c r="L179" s="307"/>
      <c r="M179" s="308"/>
      <c r="N179" s="259"/>
      <c r="O179" s="165"/>
      <c r="P179" s="263" t="s">
        <v>16</v>
      </c>
      <c r="Q179" s="254"/>
      <c r="R179" s="253" t="s">
        <v>17</v>
      </c>
      <c r="S179" s="263"/>
      <c r="T179" s="291"/>
      <c r="U179" s="286"/>
      <c r="V179" s="287"/>
      <c r="W179" s="259"/>
      <c r="X179" s="259"/>
      <c r="Y179" s="259"/>
      <c r="Z179" s="240"/>
      <c r="AA179" s="250"/>
      <c r="AB179" s="250"/>
      <c r="AC179" s="250"/>
      <c r="AD179" s="250"/>
      <c r="AE179" s="250"/>
      <c r="AF179" s="250"/>
      <c r="AG179" s="250"/>
      <c r="AH179" s="250"/>
      <c r="AI179" s="250"/>
      <c r="AJ179" s="250"/>
      <c r="AK179" s="250"/>
      <c r="AL179" s="250"/>
      <c r="AM179" s="250"/>
      <c r="AN179" s="250"/>
      <c r="AO179" s="246"/>
      <c r="AP179" s="15"/>
      <c r="AQ179" s="15"/>
      <c r="AR179" s="16"/>
      <c r="AS179" s="16"/>
      <c r="AT179" s="16"/>
    </row>
    <row r="180" spans="1:46" ht="9" customHeight="1">
      <c r="A180" s="237"/>
      <c r="B180" s="238"/>
      <c r="C180" s="241"/>
      <c r="D180" s="238"/>
      <c r="E180" s="241"/>
      <c r="F180" s="238"/>
      <c r="G180" s="241"/>
      <c r="H180" s="238"/>
      <c r="I180" s="241"/>
      <c r="J180" s="238"/>
      <c r="K180" s="304"/>
      <c r="L180" s="309"/>
      <c r="M180" s="310"/>
      <c r="N180" s="260"/>
      <c r="O180" s="166"/>
      <c r="P180" s="252"/>
      <c r="Q180" s="238"/>
      <c r="R180" s="241"/>
      <c r="S180" s="252"/>
      <c r="T180" s="292"/>
      <c r="U180" s="288"/>
      <c r="V180" s="289"/>
      <c r="W180" s="260"/>
      <c r="X180" s="260"/>
      <c r="Y180" s="260"/>
      <c r="Z180" s="241"/>
      <c r="AA180" s="252"/>
      <c r="AB180" s="252"/>
      <c r="AC180" s="252"/>
      <c r="AD180" s="252"/>
      <c r="AE180" s="252"/>
      <c r="AF180" s="252"/>
      <c r="AG180" s="252"/>
      <c r="AH180" s="252"/>
      <c r="AI180" s="252"/>
      <c r="AJ180" s="252"/>
      <c r="AK180" s="252"/>
      <c r="AL180" s="252"/>
      <c r="AM180" s="252"/>
      <c r="AN180" s="252"/>
      <c r="AO180" s="247"/>
      <c r="AP180" s="15"/>
      <c r="AQ180" s="15"/>
      <c r="AR180" s="16"/>
      <c r="AS180" s="16"/>
      <c r="AT180" s="16"/>
    </row>
    <row r="181" spans="1:46" s="39" customFormat="1" ht="9" customHeight="1">
      <c r="A181" s="23"/>
      <c r="B181" s="24"/>
      <c r="C181" s="25"/>
      <c r="D181" s="24"/>
      <c r="E181" s="25"/>
      <c r="F181" s="24"/>
      <c r="G181" s="26"/>
      <c r="H181" s="27" t="s">
        <v>18</v>
      </c>
      <c r="I181" s="26"/>
      <c r="J181" s="27" t="s">
        <v>18</v>
      </c>
      <c r="K181" s="28" t="s">
        <v>18</v>
      </c>
      <c r="L181" s="26"/>
      <c r="M181" s="27" t="s">
        <v>18</v>
      </c>
      <c r="N181" s="29" t="s">
        <v>18</v>
      </c>
      <c r="O181" s="35"/>
      <c r="P181" s="35"/>
      <c r="Q181" s="27"/>
      <c r="R181" s="26"/>
      <c r="S181" s="35" t="s">
        <v>18</v>
      </c>
      <c r="T181" s="207" t="s">
        <v>18</v>
      </c>
      <c r="U181" s="35"/>
      <c r="V181" s="27" t="s">
        <v>18</v>
      </c>
      <c r="W181" s="28" t="s">
        <v>18</v>
      </c>
      <c r="X181" s="28" t="s">
        <v>18</v>
      </c>
      <c r="Y181" s="28" t="s">
        <v>18</v>
      </c>
      <c r="Z181" s="195"/>
      <c r="AA181" s="33"/>
      <c r="AB181" s="33"/>
      <c r="AC181" s="33"/>
      <c r="AD181" s="34"/>
      <c r="AE181" s="35"/>
      <c r="AF181" s="35"/>
      <c r="AG181" s="35"/>
      <c r="AH181" s="33"/>
      <c r="AI181" s="33"/>
      <c r="AJ181" s="33"/>
      <c r="AK181" s="33"/>
      <c r="AL181" s="34"/>
      <c r="AM181" s="35"/>
      <c r="AN181" s="35"/>
      <c r="AO181" s="36"/>
      <c r="AP181" s="37"/>
      <c r="AQ181" s="37"/>
      <c r="AR181" s="38"/>
      <c r="AS181" s="38"/>
      <c r="AT181" s="38"/>
    </row>
    <row r="182" spans="1:46" s="59" customFormat="1" ht="9.75" customHeight="1">
      <c r="A182" s="40"/>
      <c r="B182" s="194"/>
      <c r="C182" s="169"/>
      <c r="D182" s="194"/>
      <c r="E182" s="169"/>
      <c r="F182" s="41"/>
      <c r="G182" s="169"/>
      <c r="H182" s="44"/>
      <c r="I182" s="169"/>
      <c r="J182" s="44"/>
      <c r="K182" s="192"/>
      <c r="L182" s="169"/>
      <c r="M182" s="191"/>
      <c r="N182" s="45"/>
      <c r="O182" s="168"/>
      <c r="P182" s="312" t="s">
        <v>680</v>
      </c>
      <c r="Q182" s="311" t="s">
        <v>679</v>
      </c>
      <c r="R182" s="169"/>
      <c r="S182" s="168"/>
      <c r="T182" s="190"/>
      <c r="U182" s="168"/>
      <c r="V182" s="44"/>
      <c r="W182" s="45"/>
      <c r="X182" s="45"/>
      <c r="Y182" s="45"/>
      <c r="Z182" s="189" t="s">
        <v>1</v>
      </c>
      <c r="AA182" s="33"/>
      <c r="AB182" s="33"/>
      <c r="AC182" s="33"/>
      <c r="AD182" s="34"/>
      <c r="AE182" s="35"/>
      <c r="AF182" s="35"/>
      <c r="AG182" s="35"/>
      <c r="AH182" s="33"/>
      <c r="AI182" s="33"/>
      <c r="AJ182" s="33"/>
      <c r="AK182" s="33"/>
      <c r="AL182" s="34"/>
      <c r="AM182" s="35"/>
      <c r="AN182" s="35"/>
      <c r="AO182" s="36"/>
    </row>
    <row r="183" spans="1:46" s="59" customFormat="1" ht="9.75" customHeight="1">
      <c r="A183" s="40"/>
      <c r="B183" s="194"/>
      <c r="C183" s="169"/>
      <c r="D183" s="194"/>
      <c r="E183" s="169"/>
      <c r="F183" s="41"/>
      <c r="G183" s="169"/>
      <c r="H183" s="44"/>
      <c r="I183" s="169"/>
      <c r="J183" s="44"/>
      <c r="K183" s="192"/>
      <c r="L183" s="169"/>
      <c r="M183" s="191"/>
      <c r="N183" s="45"/>
      <c r="O183" s="168"/>
      <c r="P183" s="228"/>
      <c r="Q183" s="222"/>
      <c r="R183" s="169"/>
      <c r="S183" s="168" t="s">
        <v>857</v>
      </c>
      <c r="T183" s="190" t="s">
        <v>856</v>
      </c>
      <c r="U183" s="168"/>
      <c r="V183" s="44" t="s">
        <v>22</v>
      </c>
      <c r="W183" s="45" t="s">
        <v>22</v>
      </c>
      <c r="X183" s="45" t="s">
        <v>22</v>
      </c>
      <c r="Y183" s="45" t="s">
        <v>855</v>
      </c>
      <c r="Z183" s="189"/>
      <c r="AA183" s="33"/>
      <c r="AB183" s="33"/>
      <c r="AC183" s="33"/>
      <c r="AD183" s="34"/>
      <c r="AE183" s="35"/>
      <c r="AF183" s="35"/>
      <c r="AG183" s="35"/>
      <c r="AH183" s="33"/>
      <c r="AI183" s="33"/>
      <c r="AJ183" s="33"/>
      <c r="AK183" s="33"/>
      <c r="AL183" s="34"/>
      <c r="AM183" s="35"/>
      <c r="AN183" s="35"/>
      <c r="AO183" s="36"/>
    </row>
    <row r="184" spans="1:46" s="59" customFormat="1" ht="9.75" customHeight="1">
      <c r="A184" s="40"/>
      <c r="B184" s="194"/>
      <c r="C184" s="169"/>
      <c r="D184" s="194"/>
      <c r="E184" s="169"/>
      <c r="F184" s="41"/>
      <c r="G184" s="169"/>
      <c r="H184" s="44"/>
      <c r="I184" s="169"/>
      <c r="J184" s="44"/>
      <c r="K184" s="192"/>
      <c r="L184" s="169"/>
      <c r="M184" s="191"/>
      <c r="N184" s="45"/>
      <c r="O184" s="168"/>
      <c r="P184" s="229"/>
      <c r="Q184" s="223"/>
      <c r="R184" s="169"/>
      <c r="S184" s="168"/>
      <c r="T184" s="190"/>
      <c r="U184" s="168"/>
      <c r="V184" s="44"/>
      <c r="W184" s="45"/>
      <c r="X184" s="45"/>
      <c r="Y184" s="45"/>
      <c r="Z184" s="189"/>
      <c r="AA184" s="33"/>
      <c r="AB184" s="33"/>
      <c r="AC184" s="33"/>
      <c r="AD184" s="34"/>
      <c r="AE184" s="35"/>
      <c r="AF184" s="35"/>
      <c r="AG184" s="35"/>
      <c r="AH184" s="33"/>
      <c r="AI184" s="33"/>
      <c r="AJ184" s="33"/>
      <c r="AK184" s="33"/>
      <c r="AL184" s="34"/>
      <c r="AM184" s="35"/>
      <c r="AN184" s="35"/>
      <c r="AO184" s="36"/>
    </row>
    <row r="185" spans="1:46" s="59" customFormat="1" ht="9.75" customHeight="1">
      <c r="A185" s="40"/>
      <c r="B185" s="194"/>
      <c r="C185" s="169"/>
      <c r="D185" s="194"/>
      <c r="E185" s="169"/>
      <c r="F185" s="41"/>
      <c r="G185" s="169"/>
      <c r="H185" s="44"/>
      <c r="I185" s="169"/>
      <c r="J185" s="44"/>
      <c r="K185" s="192"/>
      <c r="L185" s="169"/>
      <c r="M185" s="191"/>
      <c r="N185" s="45"/>
      <c r="O185" s="168"/>
      <c r="P185" s="227" t="s">
        <v>854</v>
      </c>
      <c r="Q185" s="230" t="s">
        <v>853</v>
      </c>
      <c r="R185" s="162"/>
      <c r="S185" s="167"/>
      <c r="T185" s="196"/>
      <c r="U185" s="167"/>
      <c r="V185" s="69"/>
      <c r="W185" s="70"/>
      <c r="X185" s="70"/>
      <c r="Y185" s="70"/>
      <c r="Z185" s="195" t="s">
        <v>1</v>
      </c>
      <c r="AA185" s="74"/>
      <c r="AB185" s="74"/>
      <c r="AC185" s="74"/>
      <c r="AD185" s="75"/>
      <c r="AE185" s="25"/>
      <c r="AF185" s="25"/>
      <c r="AG185" s="25"/>
      <c r="AH185" s="74"/>
      <c r="AI185" s="74"/>
      <c r="AJ185" s="74"/>
      <c r="AK185" s="74"/>
      <c r="AL185" s="75"/>
      <c r="AM185" s="25"/>
      <c r="AN185" s="25"/>
      <c r="AO185" s="32"/>
    </row>
    <row r="186" spans="1:46" s="59" customFormat="1" ht="9.75" customHeight="1">
      <c r="A186" s="40"/>
      <c r="B186" s="194"/>
      <c r="C186" s="169"/>
      <c r="D186" s="194"/>
      <c r="E186" s="169"/>
      <c r="F186" s="41"/>
      <c r="G186" s="169"/>
      <c r="H186" s="44"/>
      <c r="I186" s="169"/>
      <c r="J186" s="44"/>
      <c r="K186" s="192"/>
      <c r="L186" s="169"/>
      <c r="M186" s="191"/>
      <c r="N186" s="45"/>
      <c r="O186" s="168"/>
      <c r="P186" s="228"/>
      <c r="Q186" s="222"/>
      <c r="R186" s="169"/>
      <c r="S186" s="168" t="s">
        <v>98</v>
      </c>
      <c r="T186" s="190" t="s">
        <v>22</v>
      </c>
      <c r="U186" s="168"/>
      <c r="V186" s="44" t="s">
        <v>22</v>
      </c>
      <c r="W186" s="45" t="s">
        <v>22</v>
      </c>
      <c r="X186" s="45" t="s">
        <v>22</v>
      </c>
      <c r="Y186" s="45" t="s">
        <v>98</v>
      </c>
      <c r="Z186" s="189"/>
      <c r="AA186" s="33"/>
      <c r="AB186" s="33"/>
      <c r="AC186" s="33"/>
      <c r="AD186" s="34"/>
      <c r="AE186" s="35"/>
      <c r="AF186" s="35"/>
      <c r="AG186" s="35"/>
      <c r="AH186" s="33"/>
      <c r="AI186" s="33"/>
      <c r="AJ186" s="33"/>
      <c r="AK186" s="33"/>
      <c r="AL186" s="34"/>
      <c r="AM186" s="35"/>
      <c r="AN186" s="35"/>
      <c r="AO186" s="36"/>
    </row>
    <row r="187" spans="1:46" s="59" customFormat="1" ht="9.75" customHeight="1">
      <c r="A187" s="40"/>
      <c r="B187" s="194"/>
      <c r="C187" s="169"/>
      <c r="D187" s="194"/>
      <c r="E187" s="169"/>
      <c r="F187" s="41"/>
      <c r="G187" s="169"/>
      <c r="H187" s="44"/>
      <c r="I187" s="169"/>
      <c r="J187" s="44"/>
      <c r="K187" s="192"/>
      <c r="L187" s="169"/>
      <c r="M187" s="191"/>
      <c r="N187" s="45"/>
      <c r="O187" s="168"/>
      <c r="P187" s="229"/>
      <c r="Q187" s="223"/>
      <c r="R187" s="169"/>
      <c r="S187" s="168"/>
      <c r="T187" s="190"/>
      <c r="U187" s="168"/>
      <c r="V187" s="44"/>
      <c r="W187" s="45"/>
      <c r="X187" s="45"/>
      <c r="Y187" s="45"/>
      <c r="Z187" s="189"/>
      <c r="AA187" s="33"/>
      <c r="AB187" s="33"/>
      <c r="AC187" s="33"/>
      <c r="AD187" s="34"/>
      <c r="AE187" s="35"/>
      <c r="AF187" s="35"/>
      <c r="AG187" s="35"/>
      <c r="AH187" s="33"/>
      <c r="AI187" s="33"/>
      <c r="AJ187" s="33"/>
      <c r="AK187" s="33"/>
      <c r="AL187" s="34"/>
      <c r="AM187" s="35"/>
      <c r="AN187" s="35"/>
      <c r="AO187" s="36"/>
    </row>
    <row r="188" spans="1:46" s="59" customFormat="1" ht="9.75" customHeight="1">
      <c r="A188" s="40"/>
      <c r="B188" s="193"/>
      <c r="C188" s="169"/>
      <c r="D188" s="170"/>
      <c r="E188" s="218" t="s">
        <v>34</v>
      </c>
      <c r="F188" s="230" t="s">
        <v>852</v>
      </c>
      <c r="G188" s="162"/>
      <c r="H188" s="69"/>
      <c r="I188" s="162"/>
      <c r="J188" s="69"/>
      <c r="K188" s="198"/>
      <c r="L188" s="162"/>
      <c r="M188" s="197"/>
      <c r="N188" s="70"/>
      <c r="O188" s="167"/>
      <c r="P188" s="167"/>
      <c r="Q188" s="68"/>
      <c r="R188" s="162"/>
      <c r="S188" s="167"/>
      <c r="T188" s="196"/>
      <c r="U188" s="167"/>
      <c r="V188" s="69"/>
      <c r="W188" s="70"/>
      <c r="X188" s="70"/>
      <c r="Y188" s="70"/>
      <c r="Z188" s="195" t="s">
        <v>1</v>
      </c>
      <c r="AA188" s="74"/>
      <c r="AB188" s="74"/>
      <c r="AC188" s="74"/>
      <c r="AD188" s="75"/>
      <c r="AE188" s="25"/>
      <c r="AF188" s="25"/>
      <c r="AG188" s="25"/>
      <c r="AH188" s="74"/>
      <c r="AI188" s="74"/>
      <c r="AJ188" s="74"/>
      <c r="AK188" s="74"/>
      <c r="AL188" s="75"/>
      <c r="AM188" s="25"/>
      <c r="AN188" s="25"/>
      <c r="AO188" s="32"/>
    </row>
    <row r="189" spans="1:46" s="59" customFormat="1" ht="9.75" customHeight="1">
      <c r="A189" s="40"/>
      <c r="B189" s="193"/>
      <c r="C189" s="169"/>
      <c r="D189" s="193"/>
      <c r="E189" s="219"/>
      <c r="F189" s="222"/>
      <c r="G189" s="169"/>
      <c r="H189" s="44" t="s">
        <v>851</v>
      </c>
      <c r="I189" s="169" t="s">
        <v>23</v>
      </c>
      <c r="J189" s="44" t="s">
        <v>850</v>
      </c>
      <c r="K189" s="192" t="s">
        <v>22</v>
      </c>
      <c r="L189" s="169"/>
      <c r="M189" s="191" t="s">
        <v>22</v>
      </c>
      <c r="N189" s="45" t="s">
        <v>849</v>
      </c>
      <c r="O189" s="168"/>
      <c r="P189" s="168"/>
      <c r="Q189" s="41"/>
      <c r="R189" s="169"/>
      <c r="S189" s="168"/>
      <c r="T189" s="190" t="s">
        <v>848</v>
      </c>
      <c r="U189" s="168"/>
      <c r="V189" s="44" t="s">
        <v>22</v>
      </c>
      <c r="W189" s="45" t="s">
        <v>22</v>
      </c>
      <c r="X189" s="45" t="s">
        <v>22</v>
      </c>
      <c r="Y189" s="45" t="s">
        <v>847</v>
      </c>
      <c r="Z189" s="189"/>
      <c r="AA189" s="33"/>
      <c r="AB189" s="33"/>
      <c r="AC189" s="33"/>
      <c r="AD189" s="34"/>
      <c r="AE189" s="35"/>
      <c r="AF189" s="35"/>
      <c r="AG189" s="35"/>
      <c r="AH189" s="33"/>
      <c r="AI189" s="33"/>
      <c r="AJ189" s="33"/>
      <c r="AK189" s="33"/>
      <c r="AL189" s="34"/>
      <c r="AM189" s="35"/>
      <c r="AN189" s="35"/>
      <c r="AO189" s="36"/>
    </row>
    <row r="190" spans="1:46" s="59" customFormat="1" ht="9.75" customHeight="1">
      <c r="A190" s="40"/>
      <c r="B190" s="193"/>
      <c r="C190" s="169"/>
      <c r="D190" s="193"/>
      <c r="E190" s="219"/>
      <c r="F190" s="222"/>
      <c r="G190" s="169"/>
      <c r="H190" s="44"/>
      <c r="I190" s="169"/>
      <c r="J190" s="44"/>
      <c r="K190" s="192"/>
      <c r="L190" s="169"/>
      <c r="M190" s="191"/>
      <c r="N190" s="45"/>
      <c r="O190" s="168"/>
      <c r="P190" s="168"/>
      <c r="Q190" s="41"/>
      <c r="R190" s="169"/>
      <c r="S190" s="168"/>
      <c r="T190" s="190"/>
      <c r="U190" s="168"/>
      <c r="V190" s="44"/>
      <c r="W190" s="45"/>
      <c r="X190" s="45"/>
      <c r="Y190" s="45"/>
      <c r="Z190" s="189"/>
      <c r="AA190" s="33"/>
      <c r="AB190" s="33"/>
      <c r="AC190" s="33"/>
      <c r="AD190" s="34"/>
      <c r="AE190" s="35"/>
      <c r="AF190" s="35"/>
      <c r="AG190" s="35"/>
      <c r="AH190" s="33"/>
      <c r="AI190" s="33"/>
      <c r="AJ190" s="33"/>
      <c r="AK190" s="33"/>
      <c r="AL190" s="34"/>
      <c r="AM190" s="35"/>
      <c r="AN190" s="35"/>
      <c r="AO190" s="36"/>
    </row>
    <row r="191" spans="1:46" s="59" customFormat="1" ht="9.75" customHeight="1">
      <c r="A191" s="40"/>
      <c r="B191" s="194"/>
      <c r="C191" s="169"/>
      <c r="D191" s="193"/>
      <c r="E191" s="169"/>
      <c r="F191" s="170"/>
      <c r="G191" s="169"/>
      <c r="H191" s="44"/>
      <c r="I191" s="169"/>
      <c r="J191" s="44"/>
      <c r="K191" s="192"/>
      <c r="L191" s="169"/>
      <c r="M191" s="191"/>
      <c r="N191" s="45"/>
      <c r="O191" s="168"/>
      <c r="P191" s="227" t="s">
        <v>680</v>
      </c>
      <c r="Q191" s="230" t="s">
        <v>679</v>
      </c>
      <c r="R191" s="162"/>
      <c r="S191" s="167"/>
      <c r="T191" s="196"/>
      <c r="U191" s="167"/>
      <c r="V191" s="69"/>
      <c r="W191" s="70"/>
      <c r="X191" s="70"/>
      <c r="Y191" s="70"/>
      <c r="Z191" s="195" t="s">
        <v>1</v>
      </c>
      <c r="AA191" s="74"/>
      <c r="AB191" s="74"/>
      <c r="AC191" s="74"/>
      <c r="AD191" s="75"/>
      <c r="AE191" s="25"/>
      <c r="AF191" s="25"/>
      <c r="AG191" s="25"/>
      <c r="AH191" s="74"/>
      <c r="AI191" s="74"/>
      <c r="AJ191" s="74"/>
      <c r="AK191" s="74"/>
      <c r="AL191" s="75"/>
      <c r="AM191" s="25"/>
      <c r="AN191" s="25"/>
      <c r="AO191" s="32"/>
    </row>
    <row r="192" spans="1:46" s="59" customFormat="1" ht="9.75" customHeight="1">
      <c r="A192" s="40"/>
      <c r="B192" s="194"/>
      <c r="C192" s="169"/>
      <c r="D192" s="193"/>
      <c r="E192" s="169"/>
      <c r="F192" s="170"/>
      <c r="G192" s="169"/>
      <c r="H192" s="44"/>
      <c r="I192" s="169"/>
      <c r="J192" s="44"/>
      <c r="K192" s="192"/>
      <c r="L192" s="169"/>
      <c r="M192" s="191"/>
      <c r="N192" s="45"/>
      <c r="O192" s="168"/>
      <c r="P192" s="228"/>
      <c r="Q192" s="222"/>
      <c r="R192" s="169"/>
      <c r="S192" s="168" t="s">
        <v>849</v>
      </c>
      <c r="T192" s="190" t="s">
        <v>848</v>
      </c>
      <c r="U192" s="168"/>
      <c r="V192" s="44" t="s">
        <v>22</v>
      </c>
      <c r="W192" s="45" t="s">
        <v>22</v>
      </c>
      <c r="X192" s="45" t="s">
        <v>22</v>
      </c>
      <c r="Y192" s="45" t="s">
        <v>847</v>
      </c>
      <c r="Z192" s="189"/>
      <c r="AA192" s="33"/>
      <c r="AB192" s="33"/>
      <c r="AC192" s="33"/>
      <c r="AD192" s="34"/>
      <c r="AE192" s="35"/>
      <c r="AF192" s="35"/>
      <c r="AG192" s="35"/>
      <c r="AH192" s="33"/>
      <c r="AI192" s="33"/>
      <c r="AJ192" s="33"/>
      <c r="AK192" s="33"/>
      <c r="AL192" s="34"/>
      <c r="AM192" s="35"/>
      <c r="AN192" s="35"/>
      <c r="AO192" s="36"/>
    </row>
    <row r="193" spans="1:41" s="59" customFormat="1" ht="9.75" customHeight="1">
      <c r="A193" s="40"/>
      <c r="B193" s="194"/>
      <c r="C193" s="172"/>
      <c r="D193" s="213"/>
      <c r="E193" s="172"/>
      <c r="F193" s="173"/>
      <c r="G193" s="172"/>
      <c r="H193" s="92"/>
      <c r="I193" s="172"/>
      <c r="J193" s="92"/>
      <c r="K193" s="202"/>
      <c r="L193" s="172"/>
      <c r="M193" s="201"/>
      <c r="N193" s="48"/>
      <c r="O193" s="174"/>
      <c r="P193" s="229"/>
      <c r="Q193" s="223"/>
      <c r="R193" s="172"/>
      <c r="S193" s="174"/>
      <c r="T193" s="200"/>
      <c r="U193" s="174"/>
      <c r="V193" s="92"/>
      <c r="W193" s="48"/>
      <c r="X193" s="48"/>
      <c r="Y193" s="48"/>
      <c r="Z193" s="199"/>
      <c r="AA193" s="95"/>
      <c r="AB193" s="95"/>
      <c r="AC193" s="95"/>
      <c r="AD193" s="96"/>
      <c r="AE193" s="97"/>
      <c r="AF193" s="97"/>
      <c r="AG193" s="97"/>
      <c r="AH193" s="95"/>
      <c r="AI193" s="95"/>
      <c r="AJ193" s="95"/>
      <c r="AK193" s="95"/>
      <c r="AL193" s="96"/>
      <c r="AM193" s="97"/>
      <c r="AN193" s="97"/>
      <c r="AO193" s="98"/>
    </row>
    <row r="194" spans="1:41" s="59" customFormat="1" ht="9.75" customHeight="1">
      <c r="A194" s="40"/>
      <c r="B194" s="170"/>
      <c r="C194" s="218" t="s">
        <v>25</v>
      </c>
      <c r="D194" s="221" t="s">
        <v>725</v>
      </c>
      <c r="E194" s="162"/>
      <c r="F194" s="163"/>
      <c r="G194" s="162"/>
      <c r="H194" s="69"/>
      <c r="I194" s="162"/>
      <c r="J194" s="69"/>
      <c r="K194" s="198"/>
      <c r="L194" s="162"/>
      <c r="M194" s="197"/>
      <c r="N194" s="70"/>
      <c r="O194" s="167"/>
      <c r="P194" s="167"/>
      <c r="Q194" s="68"/>
      <c r="R194" s="162"/>
      <c r="S194" s="167"/>
      <c r="T194" s="196"/>
      <c r="U194" s="167"/>
      <c r="V194" s="69"/>
      <c r="W194" s="70"/>
      <c r="X194" s="70"/>
      <c r="Y194" s="70"/>
      <c r="Z194" s="195" t="s">
        <v>1</v>
      </c>
      <c r="AA194" s="74"/>
      <c r="AB194" s="74"/>
      <c r="AC194" s="74"/>
      <c r="AD194" s="75"/>
      <c r="AE194" s="25"/>
      <c r="AF194" s="25"/>
      <c r="AG194" s="25"/>
      <c r="AH194" s="74"/>
      <c r="AI194" s="74"/>
      <c r="AJ194" s="74"/>
      <c r="AK194" s="74"/>
      <c r="AL194" s="75"/>
      <c r="AM194" s="25"/>
      <c r="AN194" s="25"/>
      <c r="AO194" s="32"/>
    </row>
    <row r="195" spans="1:41" s="59" customFormat="1" ht="9.75" customHeight="1">
      <c r="A195" s="40"/>
      <c r="B195" s="193"/>
      <c r="C195" s="219"/>
      <c r="D195" s="222"/>
      <c r="E195" s="169"/>
      <c r="F195" s="170"/>
      <c r="G195" s="169"/>
      <c r="H195" s="44" t="s">
        <v>846</v>
      </c>
      <c r="I195" s="169"/>
      <c r="J195" s="44" t="s">
        <v>845</v>
      </c>
      <c r="K195" s="192" t="s">
        <v>22</v>
      </c>
      <c r="L195" s="169"/>
      <c r="M195" s="191" t="s">
        <v>22</v>
      </c>
      <c r="N195" s="45" t="s">
        <v>844</v>
      </c>
      <c r="O195" s="168"/>
      <c r="P195" s="168"/>
      <c r="Q195" s="41"/>
      <c r="R195" s="169"/>
      <c r="S195" s="168"/>
      <c r="T195" s="190" t="s">
        <v>844</v>
      </c>
      <c r="U195" s="168"/>
      <c r="V195" s="44" t="s">
        <v>22</v>
      </c>
      <c r="W195" s="45" t="s">
        <v>22</v>
      </c>
      <c r="X195" s="45" t="s">
        <v>22</v>
      </c>
      <c r="Y195" s="45" t="s">
        <v>22</v>
      </c>
      <c r="Z195" s="189"/>
      <c r="AA195" s="33"/>
      <c r="AB195" s="33"/>
      <c r="AC195" s="33"/>
      <c r="AD195" s="34"/>
      <c r="AE195" s="35"/>
      <c r="AF195" s="35"/>
      <c r="AG195" s="35"/>
      <c r="AH195" s="33"/>
      <c r="AI195" s="33"/>
      <c r="AJ195" s="33"/>
      <c r="AK195" s="33"/>
      <c r="AL195" s="34"/>
      <c r="AM195" s="35"/>
      <c r="AN195" s="35"/>
      <c r="AO195" s="36"/>
    </row>
    <row r="196" spans="1:41" s="59" customFormat="1" ht="9.75" customHeight="1">
      <c r="A196" s="40"/>
      <c r="B196" s="193"/>
      <c r="C196" s="219"/>
      <c r="D196" s="222"/>
      <c r="E196" s="169"/>
      <c r="F196" s="170"/>
      <c r="G196" s="169"/>
      <c r="H196" s="44"/>
      <c r="I196" s="169"/>
      <c r="J196" s="44"/>
      <c r="K196" s="192"/>
      <c r="L196" s="169"/>
      <c r="M196" s="191"/>
      <c r="N196" s="45"/>
      <c r="O196" s="168"/>
      <c r="P196" s="168"/>
      <c r="Q196" s="41"/>
      <c r="R196" s="169"/>
      <c r="S196" s="168"/>
      <c r="T196" s="190"/>
      <c r="U196" s="168"/>
      <c r="V196" s="44"/>
      <c r="W196" s="45"/>
      <c r="X196" s="45"/>
      <c r="Y196" s="45"/>
      <c r="Z196" s="189"/>
      <c r="AA196" s="33"/>
      <c r="AB196" s="33"/>
      <c r="AC196" s="33"/>
      <c r="AD196" s="34"/>
      <c r="AE196" s="35"/>
      <c r="AF196" s="35"/>
      <c r="AG196" s="35"/>
      <c r="AH196" s="33"/>
      <c r="AI196" s="33"/>
      <c r="AJ196" s="33"/>
      <c r="AK196" s="33"/>
      <c r="AL196" s="34"/>
      <c r="AM196" s="35"/>
      <c r="AN196" s="35"/>
      <c r="AO196" s="36"/>
    </row>
    <row r="197" spans="1:41" s="59" customFormat="1" ht="9.75" customHeight="1">
      <c r="A197" s="40"/>
      <c r="B197" s="194"/>
      <c r="C197" s="169"/>
      <c r="D197" s="170"/>
      <c r="E197" s="218" t="s">
        <v>21</v>
      </c>
      <c r="F197" s="221" t="s">
        <v>728</v>
      </c>
      <c r="G197" s="162"/>
      <c r="H197" s="69"/>
      <c r="I197" s="162"/>
      <c r="J197" s="69"/>
      <c r="K197" s="198"/>
      <c r="L197" s="162"/>
      <c r="M197" s="197"/>
      <c r="N197" s="70"/>
      <c r="O197" s="167"/>
      <c r="P197" s="167"/>
      <c r="Q197" s="68"/>
      <c r="R197" s="162"/>
      <c r="S197" s="167"/>
      <c r="T197" s="196"/>
      <c r="U197" s="167"/>
      <c r="V197" s="69"/>
      <c r="W197" s="70"/>
      <c r="X197" s="70"/>
      <c r="Y197" s="70"/>
      <c r="Z197" s="195" t="s">
        <v>1</v>
      </c>
      <c r="AA197" s="74"/>
      <c r="AB197" s="74"/>
      <c r="AC197" s="74"/>
      <c r="AD197" s="75"/>
      <c r="AE197" s="25"/>
      <c r="AF197" s="25"/>
      <c r="AG197" s="25"/>
      <c r="AH197" s="74"/>
      <c r="AI197" s="74"/>
      <c r="AJ197" s="74"/>
      <c r="AK197" s="74"/>
      <c r="AL197" s="75"/>
      <c r="AM197" s="25"/>
      <c r="AN197" s="25"/>
      <c r="AO197" s="32"/>
    </row>
    <row r="198" spans="1:41" s="59" customFormat="1" ht="9.75" customHeight="1">
      <c r="A198" s="40"/>
      <c r="B198" s="194"/>
      <c r="C198" s="169"/>
      <c r="D198" s="193"/>
      <c r="E198" s="219"/>
      <c r="F198" s="222"/>
      <c r="G198" s="169"/>
      <c r="H198" s="44" t="s">
        <v>846</v>
      </c>
      <c r="I198" s="169"/>
      <c r="J198" s="44" t="s">
        <v>845</v>
      </c>
      <c r="K198" s="192" t="s">
        <v>22</v>
      </c>
      <c r="L198" s="169"/>
      <c r="M198" s="191" t="s">
        <v>22</v>
      </c>
      <c r="N198" s="45" t="s">
        <v>844</v>
      </c>
      <c r="O198" s="168"/>
      <c r="P198" s="168"/>
      <c r="Q198" s="170"/>
      <c r="R198" s="169"/>
      <c r="S198" s="168"/>
      <c r="T198" s="190" t="s">
        <v>844</v>
      </c>
      <c r="U198" s="168"/>
      <c r="V198" s="44" t="s">
        <v>22</v>
      </c>
      <c r="W198" s="45" t="s">
        <v>22</v>
      </c>
      <c r="X198" s="45" t="s">
        <v>22</v>
      </c>
      <c r="Y198" s="45" t="s">
        <v>22</v>
      </c>
      <c r="Z198" s="189"/>
      <c r="AA198" s="33"/>
      <c r="AB198" s="33"/>
      <c r="AC198" s="33"/>
      <c r="AD198" s="34"/>
      <c r="AE198" s="35"/>
      <c r="AF198" s="35"/>
      <c r="AG198" s="35"/>
      <c r="AH198" s="33"/>
      <c r="AI198" s="33"/>
      <c r="AJ198" s="33"/>
      <c r="AK198" s="33"/>
      <c r="AL198" s="34"/>
      <c r="AM198" s="35"/>
      <c r="AN198" s="35"/>
      <c r="AO198" s="36"/>
    </row>
    <row r="199" spans="1:41" s="59" customFormat="1" ht="9.75" customHeight="1">
      <c r="A199" s="40"/>
      <c r="B199" s="194"/>
      <c r="C199" s="169"/>
      <c r="D199" s="193"/>
      <c r="E199" s="219"/>
      <c r="F199" s="222"/>
      <c r="G199" s="169"/>
      <c r="H199" s="44"/>
      <c r="I199" s="169"/>
      <c r="J199" s="44"/>
      <c r="K199" s="192"/>
      <c r="L199" s="169"/>
      <c r="M199" s="191"/>
      <c r="N199" s="45"/>
      <c r="O199" s="168"/>
      <c r="P199" s="168"/>
      <c r="Q199" s="170"/>
      <c r="R199" s="169"/>
      <c r="S199" s="168"/>
      <c r="T199" s="190"/>
      <c r="U199" s="168"/>
      <c r="V199" s="44"/>
      <c r="W199" s="45"/>
      <c r="X199" s="45"/>
      <c r="Y199" s="45"/>
      <c r="Z199" s="189"/>
      <c r="AA199" s="33"/>
      <c r="AB199" s="33"/>
      <c r="AC199" s="33"/>
      <c r="AD199" s="34"/>
      <c r="AE199" s="35"/>
      <c r="AF199" s="35"/>
      <c r="AG199" s="35"/>
      <c r="AH199" s="33"/>
      <c r="AI199" s="33"/>
      <c r="AJ199" s="33"/>
      <c r="AK199" s="33"/>
      <c r="AL199" s="34"/>
      <c r="AM199" s="35"/>
      <c r="AN199" s="35"/>
      <c r="AO199" s="36"/>
    </row>
    <row r="200" spans="1:41" s="59" customFormat="1" ht="9.75" customHeight="1">
      <c r="A200" s="40"/>
      <c r="B200" s="194"/>
      <c r="C200" s="169"/>
      <c r="D200" s="194"/>
      <c r="E200" s="169"/>
      <c r="F200" s="170"/>
      <c r="G200" s="169"/>
      <c r="H200" s="44"/>
      <c r="I200" s="169"/>
      <c r="J200" s="44"/>
      <c r="K200" s="192"/>
      <c r="L200" s="169"/>
      <c r="M200" s="191"/>
      <c r="N200" s="45"/>
      <c r="O200" s="168"/>
      <c r="P200" s="227" t="s">
        <v>726</v>
      </c>
      <c r="Q200" s="221" t="s">
        <v>725</v>
      </c>
      <c r="R200" s="162"/>
      <c r="S200" s="167"/>
      <c r="T200" s="196"/>
      <c r="U200" s="167"/>
      <c r="V200" s="69"/>
      <c r="W200" s="70"/>
      <c r="X200" s="70"/>
      <c r="Y200" s="70"/>
      <c r="Z200" s="195" t="s">
        <v>1</v>
      </c>
      <c r="AA200" s="74"/>
      <c r="AB200" s="74"/>
      <c r="AC200" s="74"/>
      <c r="AD200" s="75"/>
      <c r="AE200" s="25"/>
      <c r="AF200" s="25"/>
      <c r="AG200" s="25"/>
      <c r="AH200" s="74"/>
      <c r="AI200" s="74"/>
      <c r="AJ200" s="74"/>
      <c r="AK200" s="74"/>
      <c r="AL200" s="75"/>
      <c r="AM200" s="25"/>
      <c r="AN200" s="25"/>
      <c r="AO200" s="32"/>
    </row>
    <row r="201" spans="1:41" s="59" customFormat="1" ht="9.75" customHeight="1">
      <c r="A201" s="40"/>
      <c r="B201" s="194"/>
      <c r="C201" s="169"/>
      <c r="D201" s="194"/>
      <c r="E201" s="169"/>
      <c r="F201" s="170"/>
      <c r="G201" s="169"/>
      <c r="H201" s="44"/>
      <c r="I201" s="169"/>
      <c r="J201" s="44"/>
      <c r="K201" s="192"/>
      <c r="L201" s="169"/>
      <c r="M201" s="191"/>
      <c r="N201" s="45"/>
      <c r="O201" s="168"/>
      <c r="P201" s="228"/>
      <c r="Q201" s="222"/>
      <c r="R201" s="169"/>
      <c r="S201" s="168" t="s">
        <v>844</v>
      </c>
      <c r="T201" s="190" t="s">
        <v>844</v>
      </c>
      <c r="U201" s="168"/>
      <c r="V201" s="44" t="s">
        <v>22</v>
      </c>
      <c r="W201" s="45" t="s">
        <v>22</v>
      </c>
      <c r="X201" s="45" t="s">
        <v>22</v>
      </c>
      <c r="Y201" s="45" t="s">
        <v>22</v>
      </c>
      <c r="Z201" s="189"/>
      <c r="AA201" s="33"/>
      <c r="AB201" s="33"/>
      <c r="AC201" s="33"/>
      <c r="AD201" s="34"/>
      <c r="AE201" s="35"/>
      <c r="AF201" s="35"/>
      <c r="AG201" s="35"/>
      <c r="AH201" s="33"/>
      <c r="AI201" s="33"/>
      <c r="AJ201" s="33"/>
      <c r="AK201" s="33"/>
      <c r="AL201" s="34"/>
      <c r="AM201" s="35"/>
      <c r="AN201" s="35"/>
      <c r="AO201" s="36"/>
    </row>
    <row r="202" spans="1:41" s="59" customFormat="1" ht="9.75" customHeight="1">
      <c r="A202" s="40"/>
      <c r="B202" s="194"/>
      <c r="C202" s="172"/>
      <c r="D202" s="203"/>
      <c r="E202" s="172"/>
      <c r="F202" s="173"/>
      <c r="G202" s="172"/>
      <c r="H202" s="92"/>
      <c r="I202" s="172"/>
      <c r="J202" s="92"/>
      <c r="K202" s="202"/>
      <c r="L202" s="172"/>
      <c r="M202" s="201"/>
      <c r="N202" s="48"/>
      <c r="O202" s="174"/>
      <c r="P202" s="229"/>
      <c r="Q202" s="223"/>
      <c r="R202" s="172"/>
      <c r="S202" s="174"/>
      <c r="T202" s="200"/>
      <c r="U202" s="174"/>
      <c r="V202" s="92"/>
      <c r="W202" s="48"/>
      <c r="X202" s="48"/>
      <c r="Y202" s="48"/>
      <c r="Z202" s="199"/>
      <c r="AA202" s="95"/>
      <c r="AB202" s="95"/>
      <c r="AC202" s="95"/>
      <c r="AD202" s="96"/>
      <c r="AE202" s="97"/>
      <c r="AF202" s="97"/>
      <c r="AG202" s="97"/>
      <c r="AH202" s="95"/>
      <c r="AI202" s="95"/>
      <c r="AJ202" s="95"/>
      <c r="AK202" s="95"/>
      <c r="AL202" s="96"/>
      <c r="AM202" s="97"/>
      <c r="AN202" s="97"/>
      <c r="AO202" s="98"/>
    </row>
    <row r="203" spans="1:41" s="59" customFormat="1" ht="9.75" customHeight="1">
      <c r="A203" s="40"/>
      <c r="B203" s="170"/>
      <c r="C203" s="218" t="s">
        <v>843</v>
      </c>
      <c r="D203" s="221" t="s">
        <v>665</v>
      </c>
      <c r="E203" s="162"/>
      <c r="F203" s="163"/>
      <c r="G203" s="162"/>
      <c r="H203" s="69"/>
      <c r="I203" s="162"/>
      <c r="J203" s="69"/>
      <c r="K203" s="198"/>
      <c r="L203" s="162"/>
      <c r="M203" s="197"/>
      <c r="N203" s="70"/>
      <c r="O203" s="167"/>
      <c r="P203" s="167"/>
      <c r="Q203" s="68"/>
      <c r="R203" s="162"/>
      <c r="S203" s="167"/>
      <c r="T203" s="196"/>
      <c r="U203" s="167"/>
      <c r="V203" s="69"/>
      <c r="W203" s="70"/>
      <c r="X203" s="70"/>
      <c r="Y203" s="70"/>
      <c r="Z203" s="195" t="s">
        <v>1</v>
      </c>
      <c r="AA203" s="74"/>
      <c r="AB203" s="74"/>
      <c r="AC203" s="74"/>
      <c r="AD203" s="75"/>
      <c r="AE203" s="25"/>
      <c r="AF203" s="25"/>
      <c r="AG203" s="25"/>
      <c r="AH203" s="74"/>
      <c r="AI203" s="74"/>
      <c r="AJ203" s="74"/>
      <c r="AK203" s="74"/>
      <c r="AL203" s="75"/>
      <c r="AM203" s="25"/>
      <c r="AN203" s="25"/>
      <c r="AO203" s="32"/>
    </row>
    <row r="204" spans="1:41" s="59" customFormat="1" ht="9.75" customHeight="1">
      <c r="A204" s="40"/>
      <c r="B204" s="193"/>
      <c r="C204" s="219"/>
      <c r="D204" s="222"/>
      <c r="E204" s="169"/>
      <c r="F204" s="170"/>
      <c r="G204" s="169"/>
      <c r="H204" s="44" t="s">
        <v>22</v>
      </c>
      <c r="I204" s="169"/>
      <c r="J204" s="44" t="s">
        <v>76</v>
      </c>
      <c r="K204" s="192" t="s">
        <v>22</v>
      </c>
      <c r="L204" s="169"/>
      <c r="M204" s="191" t="s">
        <v>22</v>
      </c>
      <c r="N204" s="45" t="s">
        <v>76</v>
      </c>
      <c r="O204" s="168"/>
      <c r="P204" s="168"/>
      <c r="Q204" s="41"/>
      <c r="R204" s="169"/>
      <c r="S204" s="168"/>
      <c r="T204" s="190" t="s">
        <v>76</v>
      </c>
      <c r="U204" s="168"/>
      <c r="V204" s="44" t="s">
        <v>22</v>
      </c>
      <c r="W204" s="45" t="s">
        <v>22</v>
      </c>
      <c r="X204" s="45" t="s">
        <v>22</v>
      </c>
      <c r="Y204" s="45" t="s">
        <v>22</v>
      </c>
      <c r="Z204" s="189"/>
      <c r="AA204" s="33"/>
      <c r="AB204" s="33"/>
      <c r="AC204" s="33"/>
      <c r="AD204" s="34"/>
      <c r="AE204" s="35"/>
      <c r="AF204" s="35"/>
      <c r="AG204" s="35"/>
      <c r="AH204" s="33"/>
      <c r="AI204" s="33"/>
      <c r="AJ204" s="33"/>
      <c r="AK204" s="33"/>
      <c r="AL204" s="34"/>
      <c r="AM204" s="35"/>
      <c r="AN204" s="35"/>
      <c r="AO204" s="36"/>
    </row>
    <row r="205" spans="1:41" s="59" customFormat="1" ht="9.75" customHeight="1">
      <c r="A205" s="40"/>
      <c r="B205" s="193"/>
      <c r="C205" s="219"/>
      <c r="D205" s="222"/>
      <c r="E205" s="169"/>
      <c r="F205" s="170"/>
      <c r="G205" s="169"/>
      <c r="H205" s="44"/>
      <c r="I205" s="169"/>
      <c r="J205" s="44"/>
      <c r="K205" s="192"/>
      <c r="L205" s="169"/>
      <c r="M205" s="191"/>
      <c r="N205" s="45"/>
      <c r="O205" s="168"/>
      <c r="P205" s="168"/>
      <c r="Q205" s="41"/>
      <c r="R205" s="169"/>
      <c r="S205" s="168"/>
      <c r="T205" s="190"/>
      <c r="U205" s="168"/>
      <c r="V205" s="44"/>
      <c r="W205" s="45"/>
      <c r="X205" s="45"/>
      <c r="Y205" s="45"/>
      <c r="Z205" s="189"/>
      <c r="AA205" s="33"/>
      <c r="AB205" s="33"/>
      <c r="AC205" s="33"/>
      <c r="AD205" s="34"/>
      <c r="AE205" s="35"/>
      <c r="AF205" s="35"/>
      <c r="AG205" s="35"/>
      <c r="AH205" s="33"/>
      <c r="AI205" s="33"/>
      <c r="AJ205" s="33"/>
      <c r="AK205" s="33"/>
      <c r="AL205" s="34"/>
      <c r="AM205" s="35"/>
      <c r="AN205" s="35"/>
      <c r="AO205" s="36"/>
    </row>
    <row r="206" spans="1:41" s="59" customFormat="1" ht="9.75" customHeight="1">
      <c r="A206" s="40"/>
      <c r="B206" s="194"/>
      <c r="C206" s="169"/>
      <c r="D206" s="170"/>
      <c r="E206" s="218" t="s">
        <v>21</v>
      </c>
      <c r="F206" s="230" t="s">
        <v>759</v>
      </c>
      <c r="G206" s="162"/>
      <c r="H206" s="69"/>
      <c r="I206" s="162"/>
      <c r="J206" s="69"/>
      <c r="K206" s="198"/>
      <c r="L206" s="162"/>
      <c r="M206" s="197"/>
      <c r="N206" s="70"/>
      <c r="O206" s="167"/>
      <c r="P206" s="167"/>
      <c r="Q206" s="68"/>
      <c r="R206" s="162"/>
      <c r="S206" s="167"/>
      <c r="T206" s="196"/>
      <c r="U206" s="167"/>
      <c r="V206" s="69"/>
      <c r="W206" s="70"/>
      <c r="X206" s="70"/>
      <c r="Y206" s="70"/>
      <c r="Z206" s="195" t="s">
        <v>1</v>
      </c>
      <c r="AA206" s="74"/>
      <c r="AB206" s="74"/>
      <c r="AC206" s="74"/>
      <c r="AD206" s="75"/>
      <c r="AE206" s="25"/>
      <c r="AF206" s="25"/>
      <c r="AG206" s="25"/>
      <c r="AH206" s="74"/>
      <c r="AI206" s="74"/>
      <c r="AJ206" s="74"/>
      <c r="AK206" s="74"/>
      <c r="AL206" s="75"/>
      <c r="AM206" s="25"/>
      <c r="AN206" s="25"/>
      <c r="AO206" s="32"/>
    </row>
    <row r="207" spans="1:41" s="59" customFormat="1" ht="9.75" customHeight="1">
      <c r="A207" s="40"/>
      <c r="B207" s="194"/>
      <c r="C207" s="169"/>
      <c r="D207" s="193"/>
      <c r="E207" s="219"/>
      <c r="F207" s="222"/>
      <c r="G207" s="169"/>
      <c r="H207" s="44" t="s">
        <v>22</v>
      </c>
      <c r="I207" s="169"/>
      <c r="J207" s="44" t="s">
        <v>76</v>
      </c>
      <c r="K207" s="192" t="s">
        <v>22</v>
      </c>
      <c r="L207" s="169"/>
      <c r="M207" s="191" t="s">
        <v>22</v>
      </c>
      <c r="N207" s="45" t="s">
        <v>76</v>
      </c>
      <c r="O207" s="168"/>
      <c r="P207" s="168"/>
      <c r="Q207" s="170"/>
      <c r="R207" s="169"/>
      <c r="S207" s="168"/>
      <c r="T207" s="190" t="s">
        <v>76</v>
      </c>
      <c r="U207" s="168"/>
      <c r="V207" s="44" t="s">
        <v>22</v>
      </c>
      <c r="W207" s="45" t="s">
        <v>22</v>
      </c>
      <c r="X207" s="45" t="s">
        <v>22</v>
      </c>
      <c r="Y207" s="45" t="s">
        <v>22</v>
      </c>
      <c r="Z207" s="189"/>
      <c r="AA207" s="33"/>
      <c r="AB207" s="33"/>
      <c r="AC207" s="33"/>
      <c r="AD207" s="34"/>
      <c r="AE207" s="35"/>
      <c r="AF207" s="35"/>
      <c r="AG207" s="35"/>
      <c r="AH207" s="33"/>
      <c r="AI207" s="33"/>
      <c r="AJ207" s="33"/>
      <c r="AK207" s="33"/>
      <c r="AL207" s="34"/>
      <c r="AM207" s="35"/>
      <c r="AN207" s="35"/>
      <c r="AO207" s="36"/>
    </row>
    <row r="208" spans="1:41" s="59" customFormat="1" ht="9.75" customHeight="1">
      <c r="A208" s="40"/>
      <c r="B208" s="194"/>
      <c r="C208" s="169"/>
      <c r="D208" s="193"/>
      <c r="E208" s="219"/>
      <c r="F208" s="222"/>
      <c r="G208" s="169"/>
      <c r="H208" s="44"/>
      <c r="I208" s="169"/>
      <c r="J208" s="44"/>
      <c r="K208" s="192"/>
      <c r="L208" s="169"/>
      <c r="M208" s="191"/>
      <c r="N208" s="45"/>
      <c r="O208" s="168"/>
      <c r="P208" s="168"/>
      <c r="Q208" s="170"/>
      <c r="R208" s="169"/>
      <c r="S208" s="168"/>
      <c r="T208" s="190"/>
      <c r="U208" s="168"/>
      <c r="V208" s="44"/>
      <c r="W208" s="45"/>
      <c r="X208" s="45"/>
      <c r="Y208" s="45"/>
      <c r="Z208" s="189"/>
      <c r="AA208" s="33"/>
      <c r="AB208" s="33"/>
      <c r="AC208" s="33"/>
      <c r="AD208" s="34"/>
      <c r="AE208" s="35"/>
      <c r="AF208" s="35"/>
      <c r="AG208" s="35"/>
      <c r="AH208" s="33"/>
      <c r="AI208" s="33"/>
      <c r="AJ208" s="33"/>
      <c r="AK208" s="33"/>
      <c r="AL208" s="34"/>
      <c r="AM208" s="35"/>
      <c r="AN208" s="35"/>
      <c r="AO208" s="36"/>
    </row>
    <row r="209" spans="1:41" s="59" customFormat="1" ht="9.75" customHeight="1">
      <c r="A209" s="40"/>
      <c r="B209" s="194"/>
      <c r="C209" s="169"/>
      <c r="D209" s="194"/>
      <c r="E209" s="169"/>
      <c r="F209" s="170"/>
      <c r="G209" s="169"/>
      <c r="H209" s="44"/>
      <c r="I209" s="169"/>
      <c r="J209" s="44"/>
      <c r="K209" s="192"/>
      <c r="L209" s="169"/>
      <c r="M209" s="191"/>
      <c r="N209" s="45"/>
      <c r="O209" s="168"/>
      <c r="P209" s="227" t="s">
        <v>666</v>
      </c>
      <c r="Q209" s="221" t="s">
        <v>665</v>
      </c>
      <c r="R209" s="162"/>
      <c r="S209" s="167"/>
      <c r="T209" s="196"/>
      <c r="U209" s="167"/>
      <c r="V209" s="69"/>
      <c r="W209" s="70"/>
      <c r="X209" s="70"/>
      <c r="Y209" s="70"/>
      <c r="Z209" s="195" t="s">
        <v>1</v>
      </c>
      <c r="AA209" s="74"/>
      <c r="AB209" s="74"/>
      <c r="AC209" s="74"/>
      <c r="AD209" s="75"/>
      <c r="AE209" s="25"/>
      <c r="AF209" s="25"/>
      <c r="AG209" s="25"/>
      <c r="AH209" s="74"/>
      <c r="AI209" s="74"/>
      <c r="AJ209" s="74"/>
      <c r="AK209" s="74"/>
      <c r="AL209" s="75"/>
      <c r="AM209" s="25"/>
      <c r="AN209" s="25"/>
      <c r="AO209" s="32"/>
    </row>
    <row r="210" spans="1:41" s="59" customFormat="1" ht="9.75" customHeight="1">
      <c r="A210" s="40"/>
      <c r="B210" s="194"/>
      <c r="C210" s="169"/>
      <c r="D210" s="194"/>
      <c r="E210" s="169"/>
      <c r="F210" s="170"/>
      <c r="G210" s="169"/>
      <c r="H210" s="44"/>
      <c r="I210" s="169"/>
      <c r="J210" s="44"/>
      <c r="K210" s="192"/>
      <c r="L210" s="169"/>
      <c r="M210" s="191"/>
      <c r="N210" s="45"/>
      <c r="O210" s="168"/>
      <c r="P210" s="228"/>
      <c r="Q210" s="222"/>
      <c r="R210" s="169"/>
      <c r="S210" s="168" t="s">
        <v>76</v>
      </c>
      <c r="T210" s="190" t="s">
        <v>76</v>
      </c>
      <c r="U210" s="168"/>
      <c r="V210" s="44" t="s">
        <v>22</v>
      </c>
      <c r="W210" s="45" t="s">
        <v>22</v>
      </c>
      <c r="X210" s="45" t="s">
        <v>22</v>
      </c>
      <c r="Y210" s="45" t="s">
        <v>22</v>
      </c>
      <c r="Z210" s="189"/>
      <c r="AA210" s="33"/>
      <c r="AB210" s="33"/>
      <c r="AC210" s="33"/>
      <c r="AD210" s="34"/>
      <c r="AE210" s="35"/>
      <c r="AF210" s="35"/>
      <c r="AG210" s="35"/>
      <c r="AH210" s="33"/>
      <c r="AI210" s="33"/>
      <c r="AJ210" s="33"/>
      <c r="AK210" s="33"/>
      <c r="AL210" s="34"/>
      <c r="AM210" s="35"/>
      <c r="AN210" s="35"/>
      <c r="AO210" s="36"/>
    </row>
    <row r="211" spans="1:41" s="59" customFormat="1" ht="9.75" customHeight="1">
      <c r="A211" s="40"/>
      <c r="B211" s="194"/>
      <c r="C211" s="169"/>
      <c r="D211" s="194"/>
      <c r="E211" s="169"/>
      <c r="F211" s="170"/>
      <c r="G211" s="169"/>
      <c r="H211" s="44"/>
      <c r="I211" s="169"/>
      <c r="J211" s="44"/>
      <c r="K211" s="192"/>
      <c r="L211" s="169"/>
      <c r="M211" s="191"/>
      <c r="N211" s="45"/>
      <c r="O211" s="168"/>
      <c r="P211" s="229"/>
      <c r="Q211" s="223"/>
      <c r="R211" s="169"/>
      <c r="S211" s="168"/>
      <c r="T211" s="190"/>
      <c r="U211" s="168"/>
      <c r="V211" s="44"/>
      <c r="W211" s="45"/>
      <c r="X211" s="45"/>
      <c r="Y211" s="45"/>
      <c r="Z211" s="189"/>
      <c r="AA211" s="33"/>
      <c r="AB211" s="33"/>
      <c r="AC211" s="33"/>
      <c r="AD211" s="34"/>
      <c r="AE211" s="35"/>
      <c r="AF211" s="35"/>
      <c r="AG211" s="35"/>
      <c r="AH211" s="33"/>
      <c r="AI211" s="33"/>
      <c r="AJ211" s="33"/>
      <c r="AK211" s="33"/>
      <c r="AL211" s="34"/>
      <c r="AM211" s="35"/>
      <c r="AN211" s="35"/>
      <c r="AO211" s="36"/>
    </row>
    <row r="212" spans="1:41" s="59" customFormat="1" ht="9.75" customHeight="1">
      <c r="A212" s="76"/>
      <c r="B212" s="188"/>
      <c r="C212" s="167"/>
      <c r="D212" s="188"/>
      <c r="E212" s="167"/>
      <c r="F212" s="68"/>
      <c r="G212" s="103"/>
      <c r="H212" s="104"/>
      <c r="I212" s="103"/>
      <c r="J212" s="104"/>
      <c r="K212" s="187"/>
      <c r="L212" s="103"/>
      <c r="M212" s="186"/>
      <c r="N212" s="105"/>
      <c r="O212" s="106"/>
      <c r="P212" s="106"/>
      <c r="Q212" s="65"/>
      <c r="R212" s="103"/>
      <c r="S212" s="106"/>
      <c r="T212" s="185"/>
      <c r="U212" s="106"/>
      <c r="V212" s="104"/>
      <c r="W212" s="105"/>
      <c r="X212" s="105"/>
      <c r="Y212" s="105"/>
      <c r="Z212" s="184" t="s">
        <v>661</v>
      </c>
      <c r="AA212" s="109"/>
      <c r="AB212" s="109"/>
      <c r="AC212" s="109"/>
      <c r="AD212" s="110"/>
      <c r="AE212" s="111"/>
      <c r="AF212" s="111"/>
      <c r="AG212" s="111"/>
      <c r="AH212" s="109"/>
      <c r="AI212" s="109"/>
      <c r="AJ212" s="109"/>
      <c r="AK212" s="109"/>
      <c r="AL212" s="110"/>
      <c r="AM212" s="111"/>
      <c r="AN212" s="111"/>
      <c r="AO212" s="112"/>
    </row>
    <row r="213" spans="1:41" s="59" customFormat="1" ht="9.75" customHeight="1">
      <c r="A213" s="248" t="s">
        <v>660</v>
      </c>
      <c r="B213" s="249"/>
      <c r="C213" s="250"/>
      <c r="D213" s="250"/>
      <c r="E213" s="250"/>
      <c r="F213" s="236"/>
      <c r="G213" s="273" t="s">
        <v>252</v>
      </c>
      <c r="H213" s="274"/>
      <c r="I213" s="52" t="s">
        <v>23</v>
      </c>
      <c r="J213" s="53" t="s">
        <v>253</v>
      </c>
      <c r="K213" s="54" t="s">
        <v>254</v>
      </c>
      <c r="L213" s="52"/>
      <c r="M213" s="53" t="s">
        <v>22</v>
      </c>
      <c r="N213" s="183" t="s">
        <v>255</v>
      </c>
      <c r="O213" s="182"/>
      <c r="P213" s="55"/>
      <c r="Q213" s="56"/>
      <c r="R213" s="52"/>
      <c r="S213" s="55"/>
      <c r="T213" s="181" t="s">
        <v>842</v>
      </c>
      <c r="U213" s="55"/>
      <c r="V213" s="53" t="s">
        <v>22</v>
      </c>
      <c r="W213" s="54" t="s">
        <v>841</v>
      </c>
      <c r="X213" s="53" t="s">
        <v>22</v>
      </c>
      <c r="Y213" s="54" t="s">
        <v>840</v>
      </c>
      <c r="Z213" s="180"/>
      <c r="AA213" s="61"/>
      <c r="AB213" s="61"/>
      <c r="AC213" s="61"/>
      <c r="AD213" s="61"/>
      <c r="AE213" s="62"/>
      <c r="AF213" s="62"/>
      <c r="AG213" s="62"/>
      <c r="AH213" s="60"/>
      <c r="AI213" s="60"/>
      <c r="AJ213" s="60"/>
      <c r="AK213" s="60"/>
      <c r="AL213" s="61"/>
      <c r="AM213" s="61"/>
      <c r="AN213" s="61"/>
      <c r="AO213" s="63" t="s">
        <v>839</v>
      </c>
    </row>
    <row r="214" spans="1:41" s="59" customFormat="1" ht="9.75" customHeight="1">
      <c r="A214" s="77"/>
      <c r="B214" s="179"/>
      <c r="C214" s="82"/>
      <c r="D214" s="179"/>
      <c r="E214" s="82"/>
      <c r="F214" s="78"/>
      <c r="G214" s="79"/>
      <c r="H214" s="80"/>
      <c r="I214" s="79"/>
      <c r="J214" s="80"/>
      <c r="K214" s="178"/>
      <c r="L214" s="79"/>
      <c r="M214" s="177"/>
      <c r="N214" s="81"/>
      <c r="O214" s="82"/>
      <c r="P214" s="82"/>
      <c r="Q214" s="78"/>
      <c r="R214" s="79"/>
      <c r="S214" s="82"/>
      <c r="T214" s="176"/>
      <c r="U214" s="82"/>
      <c r="V214" s="80"/>
      <c r="W214" s="81"/>
      <c r="X214" s="81"/>
      <c r="Y214" s="81"/>
      <c r="Z214" s="175"/>
      <c r="AA214" s="117"/>
      <c r="AB214" s="117"/>
      <c r="AC214" s="117"/>
      <c r="AD214" s="118"/>
      <c r="AE214" s="119"/>
      <c r="AF214" s="119"/>
      <c r="AG214" s="119"/>
      <c r="AH214" s="117"/>
      <c r="AI214" s="117"/>
      <c r="AJ214" s="117"/>
      <c r="AK214" s="117"/>
      <c r="AL214" s="118"/>
      <c r="AM214" s="119"/>
      <c r="AN214" s="119"/>
      <c r="AO214" s="120"/>
    </row>
    <row r="215" spans="1:41" ht="9.75" customHeight="1">
      <c r="A215" s="134"/>
      <c r="B215" s="135"/>
      <c r="C215" s="135"/>
      <c r="D215" s="135"/>
      <c r="E215" s="135"/>
      <c r="F215" s="135"/>
      <c r="G215" s="135"/>
      <c r="H215" s="135"/>
      <c r="I215" s="135"/>
      <c r="J215" s="135"/>
      <c r="K215" s="135"/>
      <c r="L215" s="135"/>
      <c r="M215" s="135"/>
      <c r="N215" s="135"/>
      <c r="O215" s="135"/>
      <c r="P215" s="135"/>
      <c r="Q215" s="135"/>
      <c r="R215" s="135"/>
      <c r="S215" s="135"/>
      <c r="T215" s="135"/>
      <c r="U215" s="135"/>
      <c r="V215" s="135"/>
      <c r="W215" s="135"/>
      <c r="X215" s="135"/>
      <c r="Y215" s="135"/>
      <c r="Z215" s="136"/>
      <c r="AA215" s="136"/>
      <c r="AB215" s="136"/>
      <c r="AC215" s="136"/>
      <c r="AD215" s="136"/>
      <c r="AE215" s="136"/>
      <c r="AF215" s="136"/>
      <c r="AG215" s="136"/>
      <c r="AH215" s="136"/>
      <c r="AI215" s="136"/>
      <c r="AJ215" s="136"/>
      <c r="AK215" s="136"/>
      <c r="AL215" s="136"/>
      <c r="AM215" s="136"/>
      <c r="AN215" s="136"/>
      <c r="AO215" s="137"/>
    </row>
    <row r="216" spans="1:41" ht="9.75" customHeight="1">
      <c r="A216" s="138"/>
      <c r="B216" s="139"/>
      <c r="C216" s="139"/>
      <c r="D216" s="139"/>
      <c r="E216" s="139"/>
      <c r="F216" s="139"/>
      <c r="G216" s="139"/>
      <c r="H216" s="139"/>
      <c r="I216" s="139"/>
      <c r="J216" s="139"/>
      <c r="K216" s="139"/>
      <c r="L216" s="139"/>
      <c r="M216" s="139"/>
      <c r="N216" s="139"/>
      <c r="O216" s="139"/>
      <c r="P216" s="139"/>
      <c r="Q216" s="139"/>
      <c r="R216" s="139"/>
      <c r="S216" s="139"/>
      <c r="T216" s="139"/>
      <c r="U216" s="139"/>
      <c r="V216" s="139"/>
      <c r="W216" s="139"/>
      <c r="X216" s="139"/>
      <c r="Y216" s="139"/>
      <c r="Z216" s="139"/>
      <c r="AA216" s="139"/>
      <c r="AB216" s="139"/>
      <c r="AC216" s="139"/>
      <c r="AD216" s="139"/>
      <c r="AE216" s="139"/>
      <c r="AF216" s="139"/>
      <c r="AG216" s="139"/>
      <c r="AH216" s="139"/>
      <c r="AI216" s="139"/>
      <c r="AJ216" s="139"/>
      <c r="AK216" s="139"/>
      <c r="AL216" s="139"/>
      <c r="AM216" s="139"/>
      <c r="AN216" s="139"/>
      <c r="AO216" s="140"/>
    </row>
    <row r="217" spans="1:41" ht="9.75" customHeight="1">
      <c r="A217" s="138"/>
      <c r="B217" s="139"/>
      <c r="C217" s="139"/>
      <c r="D217" s="139"/>
      <c r="E217" s="139"/>
      <c r="F217" s="139"/>
      <c r="G217" s="139"/>
      <c r="H217" s="139"/>
      <c r="I217" s="139"/>
      <c r="J217" s="139"/>
      <c r="K217" s="139"/>
      <c r="L217" s="139"/>
      <c r="M217" s="139"/>
      <c r="N217" s="139"/>
      <c r="O217" s="139"/>
      <c r="P217" s="139"/>
      <c r="Q217" s="139"/>
      <c r="R217" s="139"/>
      <c r="S217" s="139"/>
      <c r="T217" s="139"/>
      <c r="U217" s="139"/>
      <c r="V217" s="139"/>
      <c r="W217" s="139"/>
      <c r="X217" s="139"/>
      <c r="Y217" s="139"/>
      <c r="Z217" s="139"/>
      <c r="AA217" s="139"/>
      <c r="AB217" s="139"/>
      <c r="AC217" s="139"/>
      <c r="AD217" s="139"/>
      <c r="AE217" s="139"/>
      <c r="AF217" s="139"/>
      <c r="AG217" s="139"/>
      <c r="AH217" s="139"/>
      <c r="AI217" s="139"/>
      <c r="AJ217" s="139"/>
      <c r="AK217" s="139"/>
      <c r="AL217" s="139"/>
      <c r="AM217" s="139"/>
      <c r="AN217" s="139"/>
      <c r="AO217" s="140"/>
    </row>
    <row r="218" spans="1:41" ht="9.75" customHeight="1">
      <c r="A218" s="138"/>
      <c r="B218" s="139"/>
      <c r="C218" s="139"/>
      <c r="D218" s="139"/>
      <c r="E218" s="139"/>
      <c r="F218" s="139"/>
      <c r="G218" s="139"/>
      <c r="H218" s="139"/>
      <c r="I218" s="139"/>
      <c r="J218" s="139"/>
      <c r="K218" s="139"/>
      <c r="L218" s="139"/>
      <c r="M218" s="139"/>
      <c r="N218" s="139"/>
      <c r="O218" s="139"/>
      <c r="P218" s="139"/>
      <c r="Q218" s="139"/>
      <c r="R218" s="139"/>
      <c r="S218" s="139"/>
      <c r="T218" s="139"/>
      <c r="U218" s="139"/>
      <c r="V218" s="139"/>
      <c r="W218" s="139"/>
      <c r="X218" s="139"/>
      <c r="Y218" s="139"/>
      <c r="Z218" s="139"/>
      <c r="AA218" s="139"/>
      <c r="AB218" s="139"/>
      <c r="AC218" s="139"/>
      <c r="AD218" s="139"/>
      <c r="AE218" s="139"/>
      <c r="AF218" s="139"/>
      <c r="AG218" s="139"/>
      <c r="AH218" s="139"/>
      <c r="AI218" s="139"/>
      <c r="AJ218" s="139"/>
      <c r="AK218" s="139"/>
      <c r="AL218" s="139"/>
      <c r="AM218" s="139"/>
      <c r="AN218" s="139"/>
      <c r="AO218" s="140"/>
    </row>
    <row r="219" spans="1:41" ht="9.75" customHeight="1">
      <c r="A219" s="138"/>
      <c r="B219" s="139"/>
      <c r="C219" s="139"/>
      <c r="D219" s="139"/>
      <c r="E219" s="139"/>
      <c r="F219" s="139"/>
      <c r="G219" s="139"/>
      <c r="H219" s="139"/>
      <c r="I219" s="139"/>
      <c r="J219" s="139"/>
      <c r="K219" s="139"/>
      <c r="L219" s="139"/>
      <c r="M219" s="139"/>
      <c r="N219" s="139"/>
      <c r="O219" s="139"/>
      <c r="P219" s="139"/>
      <c r="Q219" s="139"/>
      <c r="R219" s="139"/>
      <c r="S219" s="139"/>
      <c r="T219" s="139"/>
      <c r="U219" s="139"/>
      <c r="V219" s="139"/>
      <c r="W219" s="139"/>
      <c r="X219" s="139"/>
      <c r="Y219" s="139"/>
      <c r="Z219" s="139"/>
      <c r="AA219" s="139"/>
      <c r="AB219" s="139"/>
      <c r="AC219" s="139"/>
      <c r="AD219" s="139"/>
      <c r="AE219" s="139"/>
      <c r="AF219" s="139"/>
      <c r="AG219" s="139"/>
      <c r="AH219" s="139"/>
      <c r="AI219" s="139"/>
      <c r="AJ219" s="139"/>
      <c r="AK219" s="139"/>
      <c r="AL219" s="139"/>
      <c r="AM219" s="139"/>
      <c r="AN219" s="139"/>
      <c r="AO219" s="140"/>
    </row>
    <row r="220" spans="1:41" ht="9.75" customHeight="1">
      <c r="A220" s="138"/>
      <c r="B220" s="139"/>
      <c r="C220" s="139"/>
      <c r="D220" s="139"/>
      <c r="E220" s="139"/>
      <c r="F220" s="139"/>
      <c r="G220" s="139"/>
      <c r="H220" s="139"/>
      <c r="I220" s="139"/>
      <c r="J220" s="139"/>
      <c r="K220" s="139"/>
      <c r="L220" s="139"/>
      <c r="M220" s="139"/>
      <c r="N220" s="139"/>
      <c r="O220" s="139"/>
      <c r="P220" s="139"/>
      <c r="Q220" s="139"/>
      <c r="R220" s="139"/>
      <c r="S220" s="139"/>
      <c r="T220" s="139"/>
      <c r="U220" s="139"/>
      <c r="V220" s="139"/>
      <c r="W220" s="139"/>
      <c r="X220" s="139"/>
      <c r="Y220" s="139"/>
      <c r="Z220" s="139"/>
      <c r="AA220" s="139"/>
      <c r="AB220" s="139"/>
      <c r="AC220" s="139"/>
      <c r="AD220" s="139"/>
      <c r="AE220" s="139"/>
      <c r="AF220" s="139"/>
      <c r="AG220" s="139"/>
      <c r="AH220" s="139"/>
      <c r="AI220" s="139"/>
      <c r="AJ220" s="139"/>
      <c r="AK220" s="139"/>
      <c r="AL220" s="139"/>
      <c r="AM220" s="139"/>
      <c r="AN220" s="139"/>
      <c r="AO220" s="140"/>
    </row>
    <row r="221" spans="1:41" ht="9.75" customHeight="1">
      <c r="A221" s="138"/>
      <c r="B221" s="139"/>
      <c r="C221" s="139"/>
      <c r="D221" s="139"/>
      <c r="E221" s="139"/>
      <c r="F221" s="139"/>
      <c r="G221" s="139"/>
      <c r="H221" s="139"/>
      <c r="I221" s="139"/>
      <c r="J221" s="139"/>
      <c r="K221" s="139"/>
      <c r="L221" s="139"/>
      <c r="M221" s="139"/>
      <c r="N221" s="139"/>
      <c r="O221" s="139"/>
      <c r="P221" s="139"/>
      <c r="Q221" s="139"/>
      <c r="R221" s="139"/>
      <c r="S221" s="139"/>
      <c r="T221" s="139"/>
      <c r="U221" s="139"/>
      <c r="V221" s="139"/>
      <c r="W221" s="139"/>
      <c r="X221" s="139"/>
      <c r="Y221" s="139"/>
      <c r="Z221" s="139"/>
      <c r="AA221" s="139"/>
      <c r="AB221" s="139"/>
      <c r="AC221" s="139"/>
      <c r="AD221" s="139"/>
      <c r="AE221" s="139"/>
      <c r="AF221" s="139"/>
      <c r="AG221" s="139"/>
      <c r="AH221" s="139"/>
      <c r="AI221" s="139"/>
      <c r="AJ221" s="139"/>
      <c r="AK221" s="139"/>
      <c r="AL221" s="139"/>
      <c r="AM221" s="139"/>
      <c r="AN221" s="139"/>
      <c r="AO221" s="140"/>
    </row>
    <row r="222" spans="1:41" ht="9.75" customHeight="1">
      <c r="A222" s="138"/>
      <c r="B222" s="139"/>
      <c r="C222" s="139"/>
      <c r="D222" s="139"/>
      <c r="E222" s="139"/>
      <c r="F222" s="139"/>
      <c r="G222" s="139"/>
      <c r="H222" s="139"/>
      <c r="I222" s="139"/>
      <c r="J222" s="139"/>
      <c r="K222" s="139"/>
      <c r="L222" s="139"/>
      <c r="M222" s="139"/>
      <c r="N222" s="139"/>
      <c r="O222" s="139"/>
      <c r="P222" s="139"/>
      <c r="Q222" s="139"/>
      <c r="R222" s="139"/>
      <c r="S222" s="139"/>
      <c r="T222" s="139"/>
      <c r="U222" s="139"/>
      <c r="V222" s="139"/>
      <c r="W222" s="139"/>
      <c r="X222" s="139"/>
      <c r="Y222" s="139"/>
      <c r="Z222" s="139"/>
      <c r="AA222" s="139"/>
      <c r="AB222" s="139"/>
      <c r="AC222" s="139"/>
      <c r="AD222" s="139"/>
      <c r="AE222" s="139"/>
      <c r="AF222" s="139"/>
      <c r="AG222" s="139"/>
      <c r="AH222" s="139"/>
      <c r="AI222" s="139"/>
      <c r="AJ222" s="139"/>
      <c r="AK222" s="139"/>
      <c r="AL222" s="139"/>
      <c r="AM222" s="139"/>
      <c r="AN222" s="139"/>
      <c r="AO222" s="140"/>
    </row>
    <row r="223" spans="1:41" ht="9.75" customHeight="1">
      <c r="A223" s="138"/>
      <c r="B223" s="139"/>
      <c r="C223" s="139"/>
      <c r="D223" s="139"/>
      <c r="E223" s="139"/>
      <c r="F223" s="139"/>
      <c r="G223" s="139"/>
      <c r="H223" s="139"/>
      <c r="I223" s="139"/>
      <c r="J223" s="139"/>
      <c r="K223" s="139"/>
      <c r="L223" s="139"/>
      <c r="M223" s="139"/>
      <c r="N223" s="139"/>
      <c r="O223" s="139"/>
      <c r="P223" s="139"/>
      <c r="Q223" s="139"/>
      <c r="R223" s="139"/>
      <c r="S223" s="139"/>
      <c r="T223" s="139"/>
      <c r="U223" s="139"/>
      <c r="V223" s="139"/>
      <c r="W223" s="139"/>
      <c r="X223" s="139"/>
      <c r="Y223" s="139"/>
      <c r="Z223" s="139"/>
      <c r="AA223" s="139"/>
      <c r="AB223" s="139"/>
      <c r="AC223" s="139"/>
      <c r="AD223" s="139"/>
      <c r="AE223" s="139"/>
      <c r="AF223" s="139"/>
      <c r="AG223" s="139"/>
      <c r="AH223" s="139"/>
      <c r="AI223" s="139"/>
      <c r="AJ223" s="139"/>
      <c r="AK223" s="139"/>
      <c r="AL223" s="139"/>
      <c r="AM223" s="139"/>
      <c r="AN223" s="139"/>
      <c r="AO223" s="140"/>
    </row>
    <row r="224" spans="1:41" ht="9.75" customHeight="1">
      <c r="A224" s="138"/>
      <c r="B224" s="139"/>
      <c r="C224" s="139"/>
      <c r="D224" s="139"/>
      <c r="E224" s="139"/>
      <c r="F224" s="139"/>
      <c r="G224" s="139"/>
      <c r="H224" s="139"/>
      <c r="I224" s="139"/>
      <c r="J224" s="139"/>
      <c r="K224" s="139"/>
      <c r="L224" s="139"/>
      <c r="M224" s="139"/>
      <c r="N224" s="139"/>
      <c r="O224" s="139"/>
      <c r="P224" s="139"/>
      <c r="Q224" s="139"/>
      <c r="R224" s="139"/>
      <c r="S224" s="139"/>
      <c r="T224" s="139"/>
      <c r="U224" s="139"/>
      <c r="V224" s="139"/>
      <c r="W224" s="139"/>
      <c r="X224" s="139"/>
      <c r="Y224" s="139"/>
      <c r="Z224" s="139"/>
      <c r="AA224" s="139"/>
      <c r="AB224" s="139"/>
      <c r="AC224" s="139"/>
      <c r="AD224" s="139"/>
      <c r="AE224" s="139"/>
      <c r="AF224" s="139"/>
      <c r="AG224" s="139"/>
      <c r="AH224" s="139"/>
      <c r="AI224" s="139"/>
      <c r="AJ224" s="139"/>
      <c r="AK224" s="139"/>
      <c r="AL224" s="139"/>
      <c r="AM224" s="139"/>
      <c r="AN224" s="139"/>
      <c r="AO224" s="140"/>
    </row>
    <row r="225" spans="1:41" ht="9.75" customHeight="1">
      <c r="A225" s="138"/>
      <c r="B225" s="139"/>
      <c r="C225" s="139"/>
      <c r="D225" s="139"/>
      <c r="E225" s="139"/>
      <c r="F225" s="139"/>
      <c r="G225" s="139"/>
      <c r="H225" s="139"/>
      <c r="I225" s="139"/>
      <c r="J225" s="139"/>
      <c r="K225" s="139"/>
      <c r="L225" s="139"/>
      <c r="M225" s="139"/>
      <c r="N225" s="139"/>
      <c r="O225" s="139"/>
      <c r="P225" s="139"/>
      <c r="Q225" s="139"/>
      <c r="R225" s="139"/>
      <c r="S225" s="139"/>
      <c r="T225" s="139"/>
      <c r="U225" s="139"/>
      <c r="V225" s="139"/>
      <c r="W225" s="139"/>
      <c r="X225" s="139"/>
      <c r="Y225" s="139"/>
      <c r="Z225" s="139"/>
      <c r="AA225" s="139"/>
      <c r="AB225" s="139"/>
      <c r="AC225" s="139"/>
      <c r="AD225" s="139"/>
      <c r="AE225" s="139"/>
      <c r="AF225" s="139"/>
      <c r="AG225" s="139"/>
      <c r="AH225" s="139"/>
      <c r="AI225" s="139"/>
      <c r="AJ225" s="139"/>
      <c r="AK225" s="139"/>
      <c r="AL225" s="139"/>
      <c r="AM225" s="139"/>
      <c r="AN225" s="139"/>
      <c r="AO225" s="140"/>
    </row>
    <row r="226" spans="1:41" ht="9.75" customHeight="1">
      <c r="A226" s="138"/>
      <c r="B226" s="139"/>
      <c r="C226" s="139"/>
      <c r="D226" s="139"/>
      <c r="E226" s="139"/>
      <c r="F226" s="139"/>
      <c r="G226" s="139"/>
      <c r="H226" s="139"/>
      <c r="I226" s="139"/>
      <c r="J226" s="139"/>
      <c r="K226" s="139"/>
      <c r="L226" s="139"/>
      <c r="M226" s="139"/>
      <c r="N226" s="139"/>
      <c r="O226" s="139"/>
      <c r="P226" s="139"/>
      <c r="Q226" s="139"/>
      <c r="R226" s="139"/>
      <c r="S226" s="139"/>
      <c r="T226" s="139"/>
      <c r="U226" s="139"/>
      <c r="V226" s="139"/>
      <c r="W226" s="139"/>
      <c r="X226" s="139"/>
      <c r="Y226" s="139"/>
      <c r="Z226" s="139"/>
      <c r="AA226" s="139"/>
      <c r="AB226" s="139"/>
      <c r="AC226" s="139"/>
      <c r="AD226" s="139"/>
      <c r="AE226" s="139"/>
      <c r="AF226" s="139"/>
      <c r="AG226" s="139"/>
      <c r="AH226" s="139"/>
      <c r="AI226" s="139"/>
      <c r="AJ226" s="139"/>
      <c r="AK226" s="139"/>
      <c r="AL226" s="139"/>
      <c r="AM226" s="139"/>
      <c r="AN226" s="139"/>
      <c r="AO226" s="140"/>
    </row>
    <row r="227" spans="1:41" ht="9.75" customHeight="1">
      <c r="A227" s="138"/>
      <c r="B227" s="139"/>
      <c r="C227" s="139"/>
      <c r="D227" s="139"/>
      <c r="E227" s="139"/>
      <c r="F227" s="139"/>
      <c r="G227" s="139"/>
      <c r="H227" s="139"/>
      <c r="I227" s="139"/>
      <c r="J227" s="139"/>
      <c r="K227" s="139"/>
      <c r="L227" s="139"/>
      <c r="M227" s="139"/>
      <c r="N227" s="139"/>
      <c r="O227" s="139"/>
      <c r="P227" s="139"/>
      <c r="Q227" s="139"/>
      <c r="R227" s="139"/>
      <c r="S227" s="139"/>
      <c r="T227" s="139"/>
      <c r="U227" s="139"/>
      <c r="V227" s="139"/>
      <c r="W227" s="139"/>
      <c r="X227" s="139"/>
      <c r="Y227" s="139"/>
      <c r="Z227" s="139"/>
      <c r="AA227" s="139"/>
      <c r="AB227" s="139"/>
      <c r="AC227" s="139"/>
      <c r="AD227" s="139"/>
      <c r="AE227" s="139"/>
      <c r="AF227" s="139"/>
      <c r="AG227" s="139"/>
      <c r="AH227" s="139"/>
      <c r="AI227" s="139"/>
      <c r="AJ227" s="139"/>
      <c r="AK227" s="139"/>
      <c r="AL227" s="139"/>
      <c r="AM227" s="139"/>
      <c r="AN227" s="139"/>
      <c r="AO227" s="140"/>
    </row>
    <row r="228" spans="1:41" ht="9.75" customHeight="1">
      <c r="A228" s="138"/>
      <c r="B228" s="139"/>
      <c r="C228" s="139"/>
      <c r="D228" s="139"/>
      <c r="E228" s="139"/>
      <c r="F228" s="139"/>
      <c r="G228" s="139"/>
      <c r="H228" s="139"/>
      <c r="I228" s="139"/>
      <c r="J228" s="139"/>
      <c r="K228" s="139"/>
      <c r="L228" s="139"/>
      <c r="M228" s="139"/>
      <c r="N228" s="139"/>
      <c r="O228" s="139"/>
      <c r="P228" s="139"/>
      <c r="Q228" s="139"/>
      <c r="R228" s="139"/>
      <c r="S228" s="139"/>
      <c r="T228" s="139"/>
      <c r="U228" s="139"/>
      <c r="V228" s="139"/>
      <c r="W228" s="139"/>
      <c r="X228" s="139"/>
      <c r="Y228" s="139"/>
      <c r="Z228" s="139"/>
      <c r="AA228" s="139"/>
      <c r="AB228" s="139"/>
      <c r="AC228" s="139"/>
      <c r="AD228" s="139"/>
      <c r="AE228" s="139"/>
      <c r="AF228" s="139"/>
      <c r="AG228" s="139"/>
      <c r="AH228" s="139"/>
      <c r="AI228" s="139"/>
      <c r="AJ228" s="139"/>
      <c r="AK228" s="139"/>
      <c r="AL228" s="139"/>
      <c r="AM228" s="139"/>
      <c r="AN228" s="139"/>
      <c r="AO228" s="140"/>
    </row>
    <row r="229" spans="1:41" ht="9.75" customHeight="1">
      <c r="A229" s="138"/>
      <c r="B229" s="139"/>
      <c r="C229" s="139"/>
      <c r="D229" s="139"/>
      <c r="E229" s="139"/>
      <c r="F229" s="139"/>
      <c r="G229" s="139"/>
      <c r="H229" s="139"/>
      <c r="I229" s="139"/>
      <c r="J229" s="139"/>
      <c r="K229" s="139"/>
      <c r="L229" s="139"/>
      <c r="M229" s="139"/>
      <c r="N229" s="139"/>
      <c r="O229" s="139"/>
      <c r="P229" s="139"/>
      <c r="Q229" s="139"/>
      <c r="R229" s="139"/>
      <c r="S229" s="139"/>
      <c r="T229" s="139"/>
      <c r="U229" s="139"/>
      <c r="V229" s="139"/>
      <c r="W229" s="139"/>
      <c r="X229" s="139"/>
      <c r="Y229" s="139"/>
      <c r="Z229" s="139"/>
      <c r="AA229" s="139"/>
      <c r="AB229" s="139"/>
      <c r="AC229" s="139"/>
      <c r="AD229" s="139"/>
      <c r="AE229" s="139"/>
      <c r="AF229" s="139"/>
      <c r="AG229" s="139"/>
      <c r="AH229" s="139"/>
      <c r="AI229" s="139"/>
      <c r="AJ229" s="139"/>
      <c r="AK229" s="139"/>
      <c r="AL229" s="139"/>
      <c r="AM229" s="139"/>
      <c r="AN229" s="139"/>
      <c r="AO229" s="140"/>
    </row>
    <row r="230" spans="1:41" ht="9.75" customHeight="1">
      <c r="A230" s="138"/>
      <c r="B230" s="139"/>
      <c r="C230" s="139"/>
      <c r="D230" s="139"/>
      <c r="E230" s="139"/>
      <c r="F230" s="139"/>
      <c r="G230" s="139"/>
      <c r="H230" s="139"/>
      <c r="I230" s="139"/>
      <c r="J230" s="139"/>
      <c r="K230" s="139"/>
      <c r="L230" s="139"/>
      <c r="M230" s="139"/>
      <c r="N230" s="139"/>
      <c r="O230" s="139"/>
      <c r="P230" s="139"/>
      <c r="Q230" s="139"/>
      <c r="R230" s="139"/>
      <c r="S230" s="139"/>
      <c r="T230" s="139"/>
      <c r="U230" s="139"/>
      <c r="V230" s="139"/>
      <c r="W230" s="139"/>
      <c r="X230" s="139"/>
      <c r="Y230" s="139"/>
      <c r="Z230" s="139"/>
      <c r="AA230" s="139"/>
      <c r="AB230" s="139"/>
      <c r="AC230" s="139"/>
      <c r="AD230" s="139"/>
      <c r="AE230" s="139"/>
      <c r="AF230" s="139"/>
      <c r="AG230" s="139"/>
      <c r="AH230" s="139"/>
      <c r="AI230" s="139"/>
      <c r="AJ230" s="139"/>
      <c r="AK230" s="139"/>
      <c r="AL230" s="139"/>
      <c r="AM230" s="139"/>
      <c r="AN230" s="139"/>
      <c r="AO230" s="140"/>
    </row>
    <row r="231" spans="1:41" ht="9.75" customHeight="1">
      <c r="A231" s="138"/>
      <c r="B231" s="139"/>
      <c r="C231" s="139"/>
      <c r="D231" s="139"/>
      <c r="E231" s="139"/>
      <c r="F231" s="139"/>
      <c r="G231" s="139"/>
      <c r="H231" s="139"/>
      <c r="I231" s="139"/>
      <c r="J231" s="139"/>
      <c r="K231" s="139"/>
      <c r="L231" s="139"/>
      <c r="M231" s="139"/>
      <c r="N231" s="139"/>
      <c r="O231" s="139"/>
      <c r="P231" s="139"/>
      <c r="Q231" s="139"/>
      <c r="R231" s="139"/>
      <c r="S231" s="139"/>
      <c r="T231" s="139"/>
      <c r="U231" s="139"/>
      <c r="V231" s="139"/>
      <c r="W231" s="139"/>
      <c r="X231" s="139"/>
      <c r="Y231" s="139"/>
      <c r="Z231" s="139"/>
      <c r="AA231" s="139"/>
      <c r="AB231" s="139"/>
      <c r="AC231" s="139"/>
      <c r="AD231" s="139"/>
      <c r="AE231" s="139"/>
      <c r="AF231" s="139"/>
      <c r="AG231" s="139"/>
      <c r="AH231" s="139"/>
      <c r="AI231" s="139"/>
      <c r="AJ231" s="139"/>
      <c r="AK231" s="139"/>
      <c r="AL231" s="139"/>
      <c r="AM231" s="139"/>
      <c r="AN231" s="139"/>
      <c r="AO231" s="140"/>
    </row>
    <row r="232" spans="1:41" ht="9.75" customHeight="1">
      <c r="A232" s="138"/>
      <c r="B232" s="139"/>
      <c r="C232" s="139"/>
      <c r="D232" s="139"/>
      <c r="E232" s="139"/>
      <c r="F232" s="139"/>
      <c r="G232" s="139"/>
      <c r="H232" s="139"/>
      <c r="I232" s="139"/>
      <c r="J232" s="139"/>
      <c r="K232" s="139"/>
      <c r="L232" s="139"/>
      <c r="M232" s="139"/>
      <c r="N232" s="139"/>
      <c r="O232" s="139"/>
      <c r="P232" s="139"/>
      <c r="Q232" s="139"/>
      <c r="R232" s="139"/>
      <c r="S232" s="139"/>
      <c r="T232" s="139"/>
      <c r="U232" s="139"/>
      <c r="V232" s="139"/>
      <c r="W232" s="139"/>
      <c r="X232" s="139"/>
      <c r="Y232" s="139"/>
      <c r="Z232" s="139"/>
      <c r="AA232" s="139"/>
      <c r="AB232" s="139"/>
      <c r="AC232" s="139"/>
      <c r="AD232" s="139"/>
      <c r="AE232" s="139"/>
      <c r="AF232" s="139"/>
      <c r="AG232" s="139"/>
      <c r="AH232" s="139"/>
      <c r="AI232" s="139"/>
      <c r="AJ232" s="139"/>
      <c r="AK232" s="139"/>
      <c r="AL232" s="139"/>
      <c r="AM232" s="139"/>
      <c r="AN232" s="139"/>
      <c r="AO232" s="140"/>
    </row>
    <row r="233" spans="1:41" ht="9.75" customHeight="1">
      <c r="A233" s="138"/>
      <c r="B233" s="139"/>
      <c r="C233" s="139"/>
      <c r="D233" s="139"/>
      <c r="E233" s="139"/>
      <c r="F233" s="139"/>
      <c r="G233" s="139"/>
      <c r="H233" s="139"/>
      <c r="I233" s="139"/>
      <c r="J233" s="139"/>
      <c r="K233" s="139"/>
      <c r="L233" s="139"/>
      <c r="M233" s="139"/>
      <c r="N233" s="139"/>
      <c r="O233" s="139"/>
      <c r="P233" s="139"/>
      <c r="Q233" s="139"/>
      <c r="R233" s="139"/>
      <c r="S233" s="139"/>
      <c r="T233" s="139"/>
      <c r="U233" s="139"/>
      <c r="V233" s="139"/>
      <c r="W233" s="139"/>
      <c r="X233" s="139"/>
      <c r="Y233" s="139"/>
      <c r="Z233" s="139"/>
      <c r="AA233" s="139"/>
      <c r="AB233" s="139"/>
      <c r="AC233" s="139"/>
      <c r="AD233" s="139"/>
      <c r="AE233" s="139"/>
      <c r="AF233" s="139"/>
      <c r="AG233" s="139"/>
      <c r="AH233" s="139"/>
      <c r="AI233" s="139"/>
      <c r="AJ233" s="139"/>
      <c r="AK233" s="139"/>
      <c r="AL233" s="139"/>
      <c r="AM233" s="139"/>
      <c r="AN233" s="139"/>
      <c r="AO233" s="140"/>
    </row>
    <row r="234" spans="1:41" ht="9.75" customHeight="1">
      <c r="A234" s="138"/>
      <c r="B234" s="139"/>
      <c r="C234" s="139"/>
      <c r="D234" s="139"/>
      <c r="E234" s="139"/>
      <c r="F234" s="139"/>
      <c r="G234" s="139"/>
      <c r="H234" s="139"/>
      <c r="I234" s="139"/>
      <c r="J234" s="139"/>
      <c r="K234" s="139"/>
      <c r="L234" s="139"/>
      <c r="M234" s="139"/>
      <c r="N234" s="139"/>
      <c r="O234" s="139"/>
      <c r="P234" s="139"/>
      <c r="Q234" s="139"/>
      <c r="R234" s="139"/>
      <c r="S234" s="139"/>
      <c r="T234" s="139"/>
      <c r="U234" s="139"/>
      <c r="V234" s="139"/>
      <c r="W234" s="139"/>
      <c r="X234" s="139"/>
      <c r="Y234" s="139"/>
      <c r="Z234" s="139"/>
      <c r="AA234" s="139"/>
      <c r="AB234" s="139"/>
      <c r="AC234" s="139"/>
      <c r="AD234" s="139"/>
      <c r="AE234" s="139"/>
      <c r="AF234" s="139"/>
      <c r="AG234" s="139"/>
      <c r="AH234" s="139"/>
      <c r="AI234" s="139"/>
      <c r="AJ234" s="139"/>
      <c r="AK234" s="139"/>
      <c r="AL234" s="139"/>
      <c r="AM234" s="139"/>
      <c r="AN234" s="139"/>
      <c r="AO234" s="140"/>
    </row>
    <row r="235" spans="1:41" ht="9.75" customHeight="1">
      <c r="A235" s="138"/>
      <c r="B235" s="139"/>
      <c r="C235" s="139"/>
      <c r="D235" s="139"/>
      <c r="E235" s="139"/>
      <c r="F235" s="139"/>
      <c r="G235" s="139"/>
      <c r="H235" s="139"/>
      <c r="I235" s="139"/>
      <c r="J235" s="139"/>
      <c r="K235" s="139"/>
      <c r="L235" s="139"/>
      <c r="M235" s="139"/>
      <c r="N235" s="139"/>
      <c r="O235" s="139"/>
      <c r="P235" s="139"/>
      <c r="Q235" s="139"/>
      <c r="R235" s="139"/>
      <c r="S235" s="139"/>
      <c r="T235" s="139"/>
      <c r="U235" s="139"/>
      <c r="V235" s="139"/>
      <c r="W235" s="139"/>
      <c r="X235" s="139"/>
      <c r="Y235" s="139"/>
      <c r="Z235" s="139"/>
      <c r="AA235" s="139"/>
      <c r="AB235" s="139"/>
      <c r="AC235" s="139"/>
      <c r="AD235" s="139"/>
      <c r="AE235" s="139"/>
      <c r="AF235" s="139"/>
      <c r="AG235" s="139"/>
      <c r="AH235" s="139"/>
      <c r="AI235" s="139"/>
      <c r="AJ235" s="139"/>
      <c r="AK235" s="139"/>
      <c r="AL235" s="139"/>
      <c r="AM235" s="139"/>
      <c r="AN235" s="139"/>
      <c r="AO235" s="140"/>
    </row>
    <row r="236" spans="1:41" ht="9.75" customHeight="1">
      <c r="A236" s="138"/>
      <c r="B236" s="139"/>
      <c r="C236" s="139"/>
      <c r="D236" s="139"/>
      <c r="E236" s="139"/>
      <c r="F236" s="139"/>
      <c r="G236" s="139"/>
      <c r="H236" s="139"/>
      <c r="I236" s="139"/>
      <c r="J236" s="139"/>
      <c r="K236" s="139"/>
      <c r="L236" s="139"/>
      <c r="M236" s="139"/>
      <c r="N236" s="139"/>
      <c r="O236" s="139"/>
      <c r="P236" s="139"/>
      <c r="Q236" s="139"/>
      <c r="R236" s="139"/>
      <c r="S236" s="139"/>
      <c r="T236" s="139"/>
      <c r="U236" s="139"/>
      <c r="V236" s="139"/>
      <c r="W236" s="139"/>
      <c r="X236" s="139"/>
      <c r="Y236" s="139"/>
      <c r="Z236" s="139"/>
      <c r="AA236" s="139"/>
      <c r="AB236" s="139"/>
      <c r="AC236" s="139"/>
      <c r="AD236" s="139"/>
      <c r="AE236" s="139"/>
      <c r="AF236" s="139"/>
      <c r="AG236" s="139"/>
      <c r="AH236" s="139"/>
      <c r="AI236" s="139"/>
      <c r="AJ236" s="139"/>
      <c r="AK236" s="139"/>
      <c r="AL236" s="139"/>
      <c r="AM236" s="139"/>
      <c r="AN236" s="139"/>
      <c r="AO236" s="140"/>
    </row>
    <row r="237" spans="1:41" ht="9.75" customHeight="1">
      <c r="A237" s="138"/>
      <c r="B237" s="139"/>
      <c r="C237" s="139"/>
      <c r="D237" s="139"/>
      <c r="E237" s="139"/>
      <c r="F237" s="139"/>
      <c r="G237" s="139"/>
      <c r="H237" s="139"/>
      <c r="I237" s="139"/>
      <c r="J237" s="139"/>
      <c r="K237" s="139"/>
      <c r="L237" s="139"/>
      <c r="M237" s="139"/>
      <c r="N237" s="139"/>
      <c r="O237" s="139"/>
      <c r="P237" s="139"/>
      <c r="Q237" s="139"/>
      <c r="R237" s="139"/>
      <c r="S237" s="139"/>
      <c r="T237" s="139"/>
      <c r="U237" s="139"/>
      <c r="V237" s="139"/>
      <c r="W237" s="139"/>
      <c r="X237" s="139"/>
      <c r="Y237" s="139"/>
      <c r="Z237" s="139"/>
      <c r="AA237" s="139"/>
      <c r="AB237" s="139"/>
      <c r="AC237" s="139"/>
      <c r="AD237" s="139"/>
      <c r="AE237" s="139"/>
      <c r="AF237" s="139"/>
      <c r="AG237" s="139"/>
      <c r="AH237" s="139"/>
      <c r="AI237" s="139"/>
      <c r="AJ237" s="139"/>
      <c r="AK237" s="139"/>
      <c r="AL237" s="139"/>
      <c r="AM237" s="139"/>
      <c r="AN237" s="139"/>
      <c r="AO237" s="140"/>
    </row>
    <row r="238" spans="1:41" ht="9.75" customHeight="1">
      <c r="A238" s="138"/>
      <c r="B238" s="139"/>
      <c r="C238" s="139"/>
      <c r="D238" s="139"/>
      <c r="E238" s="139"/>
      <c r="F238" s="139"/>
      <c r="G238" s="139"/>
      <c r="H238" s="139"/>
      <c r="I238" s="139"/>
      <c r="J238" s="139"/>
      <c r="K238" s="139"/>
      <c r="L238" s="139"/>
      <c r="M238" s="139"/>
      <c r="N238" s="139"/>
      <c r="O238" s="139"/>
      <c r="P238" s="139"/>
      <c r="Q238" s="139"/>
      <c r="R238" s="139"/>
      <c r="S238" s="139"/>
      <c r="T238" s="139"/>
      <c r="U238" s="139"/>
      <c r="V238" s="139"/>
      <c r="W238" s="139"/>
      <c r="X238" s="139"/>
      <c r="Y238" s="139"/>
      <c r="Z238" s="139"/>
      <c r="AA238" s="139"/>
      <c r="AB238" s="139"/>
      <c r="AC238" s="139"/>
      <c r="AD238" s="139"/>
      <c r="AE238" s="139"/>
      <c r="AF238" s="139"/>
      <c r="AG238" s="139"/>
      <c r="AH238" s="139"/>
      <c r="AI238" s="139"/>
      <c r="AJ238" s="139"/>
      <c r="AK238" s="139"/>
      <c r="AL238" s="139"/>
      <c r="AM238" s="139"/>
      <c r="AN238" s="139"/>
      <c r="AO238" s="140"/>
    </row>
    <row r="239" spans="1:41" ht="9.75" customHeight="1">
      <c r="A239" s="138"/>
      <c r="B239" s="139"/>
      <c r="C239" s="139"/>
      <c r="D239" s="139"/>
      <c r="E239" s="139"/>
      <c r="F239" s="139"/>
      <c r="G239" s="139"/>
      <c r="H239" s="139"/>
      <c r="I239" s="139"/>
      <c r="J239" s="139"/>
      <c r="K239" s="139"/>
      <c r="L239" s="139"/>
      <c r="M239" s="139"/>
      <c r="N239" s="139"/>
      <c r="O239" s="139"/>
      <c r="P239" s="139"/>
      <c r="Q239" s="139"/>
      <c r="R239" s="139"/>
      <c r="S239" s="139"/>
      <c r="T239" s="139"/>
      <c r="U239" s="139"/>
      <c r="V239" s="139"/>
      <c r="W239" s="139"/>
      <c r="X239" s="139"/>
      <c r="Y239" s="139"/>
      <c r="Z239" s="139"/>
      <c r="AA239" s="139"/>
      <c r="AB239" s="139"/>
      <c r="AC239" s="139"/>
      <c r="AD239" s="139"/>
      <c r="AE239" s="139"/>
      <c r="AF239" s="139"/>
      <c r="AG239" s="139"/>
      <c r="AH239" s="139"/>
      <c r="AI239" s="139"/>
      <c r="AJ239" s="139"/>
      <c r="AK239" s="139"/>
      <c r="AL239" s="139"/>
      <c r="AM239" s="139"/>
      <c r="AN239" s="139"/>
      <c r="AO239" s="140"/>
    </row>
    <row r="240" spans="1:41" ht="9.75" customHeight="1">
      <c r="A240" s="138"/>
      <c r="B240" s="139"/>
      <c r="C240" s="139"/>
      <c r="D240" s="139"/>
      <c r="E240" s="139"/>
      <c r="F240" s="139"/>
      <c r="G240" s="139"/>
      <c r="H240" s="139"/>
      <c r="I240" s="139"/>
      <c r="J240" s="139"/>
      <c r="K240" s="139"/>
      <c r="L240" s="139"/>
      <c r="M240" s="139"/>
      <c r="N240" s="139"/>
      <c r="O240" s="139"/>
      <c r="P240" s="139"/>
      <c r="Q240" s="139"/>
      <c r="R240" s="139"/>
      <c r="S240" s="139"/>
      <c r="T240" s="139"/>
      <c r="U240" s="139"/>
      <c r="V240" s="139"/>
      <c r="W240" s="139"/>
      <c r="X240" s="139"/>
      <c r="Y240" s="139"/>
      <c r="Z240" s="139"/>
      <c r="AA240" s="139"/>
      <c r="AB240" s="139"/>
      <c r="AC240" s="139"/>
      <c r="AD240" s="139"/>
      <c r="AE240" s="139"/>
      <c r="AF240" s="139"/>
      <c r="AG240" s="139"/>
      <c r="AH240" s="139"/>
      <c r="AI240" s="139"/>
      <c r="AJ240" s="139"/>
      <c r="AK240" s="139"/>
      <c r="AL240" s="139"/>
      <c r="AM240" s="139"/>
      <c r="AN240" s="139"/>
      <c r="AO240" s="140"/>
    </row>
    <row r="241" spans="1:41" ht="9.75" customHeight="1">
      <c r="A241" s="138"/>
      <c r="B241" s="139"/>
      <c r="C241" s="139"/>
      <c r="D241" s="139"/>
      <c r="E241" s="139"/>
      <c r="F241" s="139"/>
      <c r="G241" s="139"/>
      <c r="H241" s="139"/>
      <c r="I241" s="139"/>
      <c r="J241" s="139"/>
      <c r="K241" s="139"/>
      <c r="L241" s="139"/>
      <c r="M241" s="139"/>
      <c r="N241" s="139"/>
      <c r="O241" s="139"/>
      <c r="P241" s="139"/>
      <c r="Q241" s="139"/>
      <c r="R241" s="139"/>
      <c r="S241" s="139"/>
      <c r="T241" s="139"/>
      <c r="U241" s="139"/>
      <c r="V241" s="139"/>
      <c r="W241" s="139"/>
      <c r="X241" s="139"/>
      <c r="Y241" s="139"/>
      <c r="Z241" s="139"/>
      <c r="AA241" s="139"/>
      <c r="AB241" s="139"/>
      <c r="AC241" s="139"/>
      <c r="AD241" s="139"/>
      <c r="AE241" s="139"/>
      <c r="AF241" s="139"/>
      <c r="AG241" s="139"/>
      <c r="AH241" s="139"/>
      <c r="AI241" s="139"/>
      <c r="AJ241" s="139"/>
      <c r="AK241" s="139"/>
      <c r="AL241" s="139"/>
      <c r="AM241" s="139"/>
      <c r="AN241" s="139"/>
      <c r="AO241" s="140"/>
    </row>
    <row r="242" spans="1:41" ht="9.75" customHeight="1">
      <c r="A242" s="138"/>
      <c r="B242" s="139"/>
      <c r="C242" s="139"/>
      <c r="D242" s="139"/>
      <c r="E242" s="139"/>
      <c r="F242" s="139"/>
      <c r="G242" s="139"/>
      <c r="H242" s="139"/>
      <c r="I242" s="139"/>
      <c r="J242" s="139"/>
      <c r="K242" s="139"/>
      <c r="L242" s="139"/>
      <c r="M242" s="139"/>
      <c r="N242" s="139"/>
      <c r="O242" s="139"/>
      <c r="P242" s="139"/>
      <c r="Q242" s="139"/>
      <c r="R242" s="139"/>
      <c r="S242" s="139"/>
      <c r="T242" s="139"/>
      <c r="U242" s="139"/>
      <c r="V242" s="139"/>
      <c r="W242" s="139"/>
      <c r="X242" s="139"/>
      <c r="Y242" s="139"/>
      <c r="Z242" s="139"/>
      <c r="AA242" s="139"/>
      <c r="AB242" s="139"/>
      <c r="AC242" s="139"/>
      <c r="AD242" s="139"/>
      <c r="AE242" s="139"/>
      <c r="AF242" s="139"/>
      <c r="AG242" s="139"/>
      <c r="AH242" s="139"/>
      <c r="AI242" s="139"/>
      <c r="AJ242" s="139"/>
      <c r="AK242" s="139"/>
      <c r="AL242" s="139"/>
      <c r="AM242" s="139"/>
      <c r="AN242" s="139"/>
      <c r="AO242" s="140"/>
    </row>
    <row r="243" spans="1:41" ht="9.75" customHeight="1">
      <c r="A243" s="138"/>
      <c r="B243" s="139"/>
      <c r="C243" s="139"/>
      <c r="D243" s="139"/>
      <c r="E243" s="139"/>
      <c r="F243" s="139"/>
      <c r="G243" s="139"/>
      <c r="H243" s="139"/>
      <c r="I243" s="139"/>
      <c r="J243" s="139"/>
      <c r="K243" s="139"/>
      <c r="L243" s="139"/>
      <c r="M243" s="139"/>
      <c r="N243" s="139"/>
      <c r="O243" s="139"/>
      <c r="P243" s="139"/>
      <c r="Q243" s="139"/>
      <c r="R243" s="139"/>
      <c r="S243" s="139"/>
      <c r="T243" s="139"/>
      <c r="U243" s="139"/>
      <c r="V243" s="139"/>
      <c r="W243" s="139"/>
      <c r="X243" s="139"/>
      <c r="Y243" s="139"/>
      <c r="Z243" s="139"/>
      <c r="AA243" s="139"/>
      <c r="AB243" s="139"/>
      <c r="AC243" s="139"/>
      <c r="AD243" s="139"/>
      <c r="AE243" s="139"/>
      <c r="AF243" s="139"/>
      <c r="AG243" s="139"/>
      <c r="AH243" s="139"/>
      <c r="AI243" s="139"/>
      <c r="AJ243" s="139"/>
      <c r="AK243" s="139"/>
      <c r="AL243" s="139"/>
      <c r="AM243" s="139"/>
      <c r="AN243" s="139"/>
      <c r="AO243" s="140"/>
    </row>
    <row r="244" spans="1:41" ht="9.75" customHeight="1">
      <c r="A244" s="138"/>
      <c r="B244" s="139"/>
      <c r="C244" s="139"/>
      <c r="D244" s="139"/>
      <c r="E244" s="139"/>
      <c r="F244" s="139"/>
      <c r="G244" s="139"/>
      <c r="H244" s="139"/>
      <c r="I244" s="139"/>
      <c r="J244" s="139"/>
      <c r="K244" s="139"/>
      <c r="L244" s="139"/>
      <c r="M244" s="139"/>
      <c r="N244" s="139"/>
      <c r="O244" s="139"/>
      <c r="P244" s="139"/>
      <c r="Q244" s="139"/>
      <c r="R244" s="139"/>
      <c r="S244" s="139"/>
      <c r="T244" s="139"/>
      <c r="U244" s="139"/>
      <c r="V244" s="139"/>
      <c r="W244" s="139"/>
      <c r="X244" s="139"/>
      <c r="Y244" s="139"/>
      <c r="Z244" s="139"/>
      <c r="AA244" s="139"/>
      <c r="AB244" s="139"/>
      <c r="AC244" s="139"/>
      <c r="AD244" s="139"/>
      <c r="AE244" s="139"/>
      <c r="AF244" s="139"/>
      <c r="AG244" s="139"/>
      <c r="AH244" s="139"/>
      <c r="AI244" s="139"/>
      <c r="AJ244" s="139"/>
      <c r="AK244" s="139"/>
      <c r="AL244" s="139"/>
      <c r="AM244" s="139"/>
      <c r="AN244" s="139"/>
      <c r="AO244" s="140"/>
    </row>
    <row r="245" spans="1:41" ht="9.75" customHeight="1">
      <c r="A245" s="138"/>
      <c r="B245" s="139"/>
      <c r="C245" s="139"/>
      <c r="D245" s="139"/>
      <c r="E245" s="139"/>
      <c r="F245" s="139"/>
      <c r="G245" s="139"/>
      <c r="H245" s="139"/>
      <c r="I245" s="139"/>
      <c r="J245" s="139"/>
      <c r="K245" s="139"/>
      <c r="L245" s="139"/>
      <c r="M245" s="139"/>
      <c r="N245" s="139"/>
      <c r="O245" s="139"/>
      <c r="P245" s="139"/>
      <c r="Q245" s="139"/>
      <c r="R245" s="139"/>
      <c r="S245" s="139"/>
      <c r="T245" s="139"/>
      <c r="U245" s="139"/>
      <c r="V245" s="139"/>
      <c r="W245" s="139"/>
      <c r="X245" s="139"/>
      <c r="Y245" s="139"/>
      <c r="Z245" s="139"/>
      <c r="AA245" s="139"/>
      <c r="AB245" s="139"/>
      <c r="AC245" s="139"/>
      <c r="AD245" s="139"/>
      <c r="AE245" s="139"/>
      <c r="AF245" s="139"/>
      <c r="AG245" s="139"/>
      <c r="AH245" s="139"/>
      <c r="AI245" s="139"/>
      <c r="AJ245" s="139"/>
      <c r="AK245" s="139"/>
      <c r="AL245" s="139"/>
      <c r="AM245" s="139"/>
      <c r="AN245" s="139"/>
      <c r="AO245" s="140"/>
    </row>
    <row r="246" spans="1:41" ht="9.75" customHeight="1">
      <c r="A246" s="138"/>
      <c r="B246" s="139"/>
      <c r="C246" s="139"/>
      <c r="D246" s="139"/>
      <c r="E246" s="139"/>
      <c r="F246" s="139"/>
      <c r="G246" s="139"/>
      <c r="H246" s="139"/>
      <c r="I246" s="139"/>
      <c r="J246" s="139"/>
      <c r="K246" s="139"/>
      <c r="L246" s="139"/>
      <c r="M246" s="139"/>
      <c r="N246" s="139"/>
      <c r="O246" s="139"/>
      <c r="P246" s="139"/>
      <c r="Q246" s="139"/>
      <c r="R246" s="139"/>
      <c r="S246" s="139"/>
      <c r="T246" s="139"/>
      <c r="U246" s="139"/>
      <c r="V246" s="139"/>
      <c r="W246" s="139"/>
      <c r="X246" s="139"/>
      <c r="Y246" s="139"/>
      <c r="Z246" s="139"/>
      <c r="AA246" s="139"/>
      <c r="AB246" s="139"/>
      <c r="AC246" s="139"/>
      <c r="AD246" s="139"/>
      <c r="AE246" s="139"/>
      <c r="AF246" s="139"/>
      <c r="AG246" s="139"/>
      <c r="AH246" s="139"/>
      <c r="AI246" s="139"/>
      <c r="AJ246" s="139"/>
      <c r="AK246" s="139"/>
      <c r="AL246" s="139"/>
      <c r="AM246" s="139"/>
      <c r="AN246" s="139"/>
      <c r="AO246" s="140"/>
    </row>
    <row r="247" spans="1:41" ht="9.75" customHeight="1">
      <c r="A247" s="138"/>
      <c r="B247" s="139"/>
      <c r="C247" s="139"/>
      <c r="D247" s="139"/>
      <c r="E247" s="139"/>
      <c r="F247" s="139"/>
      <c r="G247" s="139"/>
      <c r="H247" s="139"/>
      <c r="I247" s="139"/>
      <c r="J247" s="139"/>
      <c r="K247" s="139"/>
      <c r="L247" s="139"/>
      <c r="M247" s="139"/>
      <c r="N247" s="139"/>
      <c r="O247" s="139"/>
      <c r="P247" s="139"/>
      <c r="Q247" s="139"/>
      <c r="R247" s="139"/>
      <c r="S247" s="139"/>
      <c r="T247" s="139"/>
      <c r="U247" s="139"/>
      <c r="V247" s="139"/>
      <c r="W247" s="139"/>
      <c r="X247" s="139"/>
      <c r="Y247" s="139"/>
      <c r="Z247" s="139"/>
      <c r="AA247" s="139"/>
      <c r="AB247" s="139"/>
      <c r="AC247" s="139"/>
      <c r="AD247" s="139"/>
      <c r="AE247" s="139"/>
      <c r="AF247" s="139"/>
      <c r="AG247" s="139"/>
      <c r="AH247" s="139"/>
      <c r="AI247" s="139"/>
      <c r="AJ247" s="139"/>
      <c r="AK247" s="139"/>
      <c r="AL247" s="139"/>
      <c r="AM247" s="139"/>
      <c r="AN247" s="139"/>
      <c r="AO247" s="140"/>
    </row>
    <row r="248" spans="1:41" ht="9.75" customHeight="1">
      <c r="A248" s="138"/>
      <c r="B248" s="139"/>
      <c r="C248" s="139"/>
      <c r="D248" s="139"/>
      <c r="E248" s="139"/>
      <c r="F248" s="139"/>
      <c r="G248" s="139"/>
      <c r="H248" s="139"/>
      <c r="I248" s="139"/>
      <c r="J248" s="139"/>
      <c r="K248" s="139"/>
      <c r="L248" s="139"/>
      <c r="M248" s="139"/>
      <c r="N248" s="139"/>
      <c r="O248" s="139"/>
      <c r="P248" s="139"/>
      <c r="Q248" s="139"/>
      <c r="R248" s="139"/>
      <c r="S248" s="139"/>
      <c r="T248" s="139"/>
      <c r="U248" s="139"/>
      <c r="V248" s="139"/>
      <c r="W248" s="139"/>
      <c r="X248" s="139"/>
      <c r="Y248" s="139"/>
      <c r="Z248" s="139"/>
      <c r="AA248" s="139"/>
      <c r="AB248" s="139"/>
      <c r="AC248" s="139"/>
      <c r="AD248" s="139"/>
      <c r="AE248" s="139"/>
      <c r="AF248" s="139"/>
      <c r="AG248" s="139"/>
      <c r="AH248" s="139"/>
      <c r="AI248" s="139"/>
      <c r="AJ248" s="139"/>
      <c r="AK248" s="139"/>
      <c r="AL248" s="139"/>
      <c r="AM248" s="139"/>
      <c r="AN248" s="139"/>
      <c r="AO248" s="140"/>
    </row>
    <row r="249" spans="1:41" ht="9.75" customHeight="1">
      <c r="A249" s="138"/>
      <c r="B249" s="139"/>
      <c r="C249" s="139"/>
      <c r="D249" s="139"/>
      <c r="E249" s="139"/>
      <c r="F249" s="139"/>
      <c r="G249" s="139"/>
      <c r="H249" s="139"/>
      <c r="I249" s="139"/>
      <c r="J249" s="139"/>
      <c r="K249" s="139"/>
      <c r="L249" s="139"/>
      <c r="M249" s="139"/>
      <c r="N249" s="139"/>
      <c r="O249" s="139"/>
      <c r="P249" s="139"/>
      <c r="Q249" s="139"/>
      <c r="R249" s="139"/>
      <c r="S249" s="139"/>
      <c r="T249" s="139"/>
      <c r="U249" s="139"/>
      <c r="V249" s="139"/>
      <c r="W249" s="139"/>
      <c r="X249" s="139"/>
      <c r="Y249" s="139"/>
      <c r="Z249" s="139"/>
      <c r="AA249" s="139"/>
      <c r="AB249" s="139"/>
      <c r="AC249" s="139"/>
      <c r="AD249" s="139"/>
      <c r="AE249" s="139"/>
      <c r="AF249" s="139"/>
      <c r="AG249" s="139"/>
      <c r="AH249" s="139"/>
      <c r="AI249" s="139"/>
      <c r="AJ249" s="139"/>
      <c r="AK249" s="139"/>
      <c r="AL249" s="139"/>
      <c r="AM249" s="139"/>
      <c r="AN249" s="139"/>
      <c r="AO249" s="140"/>
    </row>
    <row r="250" spans="1:41" ht="9.75" customHeight="1">
      <c r="A250" s="138"/>
      <c r="B250" s="139"/>
      <c r="C250" s="139"/>
      <c r="D250" s="139"/>
      <c r="E250" s="139"/>
      <c r="F250" s="139"/>
      <c r="G250" s="139"/>
      <c r="H250" s="139"/>
      <c r="I250" s="139"/>
      <c r="J250" s="139"/>
      <c r="K250" s="139"/>
      <c r="L250" s="139"/>
      <c r="M250" s="139"/>
      <c r="N250" s="139"/>
      <c r="O250" s="139"/>
      <c r="P250" s="139"/>
      <c r="Q250" s="139"/>
      <c r="R250" s="139"/>
      <c r="S250" s="139"/>
      <c r="T250" s="139"/>
      <c r="U250" s="139"/>
      <c r="V250" s="139"/>
      <c r="W250" s="139"/>
      <c r="X250" s="139"/>
      <c r="Y250" s="139"/>
      <c r="Z250" s="139"/>
      <c r="AA250" s="139"/>
      <c r="AB250" s="139"/>
      <c r="AC250" s="139"/>
      <c r="AD250" s="139"/>
      <c r="AE250" s="139"/>
      <c r="AF250" s="139"/>
      <c r="AG250" s="139"/>
      <c r="AH250" s="139"/>
      <c r="AI250" s="139"/>
      <c r="AJ250" s="139"/>
      <c r="AK250" s="139"/>
      <c r="AL250" s="139"/>
      <c r="AM250" s="139"/>
      <c r="AN250" s="139"/>
      <c r="AO250" s="140"/>
    </row>
    <row r="251" spans="1:41" ht="9.75" customHeight="1">
      <c r="A251" s="138"/>
      <c r="B251" s="139"/>
      <c r="C251" s="139"/>
      <c r="D251" s="139"/>
      <c r="E251" s="139"/>
      <c r="F251" s="139"/>
      <c r="G251" s="139"/>
      <c r="H251" s="139"/>
      <c r="I251" s="139"/>
      <c r="J251" s="139"/>
      <c r="K251" s="139"/>
      <c r="L251" s="139"/>
      <c r="M251" s="139"/>
      <c r="N251" s="139"/>
      <c r="O251" s="139"/>
      <c r="P251" s="139"/>
      <c r="Q251" s="139"/>
      <c r="R251" s="139"/>
      <c r="S251" s="139"/>
      <c r="T251" s="139"/>
      <c r="U251" s="139"/>
      <c r="V251" s="139"/>
      <c r="W251" s="139"/>
      <c r="X251" s="139"/>
      <c r="Y251" s="139"/>
      <c r="Z251" s="139"/>
      <c r="AA251" s="139"/>
      <c r="AB251" s="139"/>
      <c r="AC251" s="139"/>
      <c r="AD251" s="139"/>
      <c r="AE251" s="139"/>
      <c r="AF251" s="139"/>
      <c r="AG251" s="139"/>
      <c r="AH251" s="139"/>
      <c r="AI251" s="139"/>
      <c r="AJ251" s="139"/>
      <c r="AK251" s="139"/>
      <c r="AL251" s="139"/>
      <c r="AM251" s="139"/>
      <c r="AN251" s="139"/>
      <c r="AO251" s="140"/>
    </row>
    <row r="252" spans="1:41" ht="9.75" customHeight="1">
      <c r="A252" s="138"/>
      <c r="B252" s="139"/>
      <c r="C252" s="139"/>
      <c r="D252" s="139"/>
      <c r="E252" s="139"/>
      <c r="F252" s="139"/>
      <c r="G252" s="139"/>
      <c r="H252" s="139"/>
      <c r="I252" s="139"/>
      <c r="J252" s="139"/>
      <c r="K252" s="139"/>
      <c r="L252" s="139"/>
      <c r="M252" s="139"/>
      <c r="N252" s="139"/>
      <c r="O252" s="139"/>
      <c r="P252" s="139"/>
      <c r="Q252" s="139"/>
      <c r="R252" s="139"/>
      <c r="S252" s="139"/>
      <c r="T252" s="139"/>
      <c r="U252" s="139"/>
      <c r="V252" s="139"/>
      <c r="W252" s="139"/>
      <c r="X252" s="139"/>
      <c r="Y252" s="139"/>
      <c r="Z252" s="139"/>
      <c r="AA252" s="139"/>
      <c r="AB252" s="139"/>
      <c r="AC252" s="139"/>
      <c r="AD252" s="139"/>
      <c r="AE252" s="139"/>
      <c r="AF252" s="139"/>
      <c r="AG252" s="139"/>
      <c r="AH252" s="139"/>
      <c r="AI252" s="139"/>
      <c r="AJ252" s="139"/>
      <c r="AK252" s="139"/>
      <c r="AL252" s="139"/>
      <c r="AM252" s="139"/>
      <c r="AN252" s="139"/>
      <c r="AO252" s="140"/>
    </row>
    <row r="253" spans="1:41" ht="9.75" customHeight="1">
      <c r="A253" s="138"/>
      <c r="B253" s="139"/>
      <c r="C253" s="139"/>
      <c r="D253" s="139"/>
      <c r="E253" s="139"/>
      <c r="F253" s="139"/>
      <c r="G253" s="139"/>
      <c r="H253" s="139"/>
      <c r="I253" s="139"/>
      <c r="J253" s="139"/>
      <c r="K253" s="139"/>
      <c r="L253" s="139"/>
      <c r="M253" s="139"/>
      <c r="N253" s="139"/>
      <c r="O253" s="139"/>
      <c r="P253" s="139"/>
      <c r="Q253" s="139"/>
      <c r="R253" s="139"/>
      <c r="S253" s="139"/>
      <c r="T253" s="139"/>
      <c r="U253" s="139"/>
      <c r="V253" s="139"/>
      <c r="W253" s="139"/>
      <c r="X253" s="139"/>
      <c r="Y253" s="139"/>
      <c r="Z253" s="139"/>
      <c r="AA253" s="139"/>
      <c r="AB253" s="139"/>
      <c r="AC253" s="139"/>
      <c r="AD253" s="139"/>
      <c r="AE253" s="139"/>
      <c r="AF253" s="139"/>
      <c r="AG253" s="139"/>
      <c r="AH253" s="139"/>
      <c r="AI253" s="139"/>
      <c r="AJ253" s="139"/>
      <c r="AK253" s="139"/>
      <c r="AL253" s="139"/>
      <c r="AM253" s="139"/>
      <c r="AN253" s="139"/>
      <c r="AO253" s="140"/>
    </row>
    <row r="254" spans="1:41" ht="9.75" customHeight="1">
      <c r="A254" s="138"/>
      <c r="B254" s="139"/>
      <c r="C254" s="139"/>
      <c r="D254" s="139"/>
      <c r="E254" s="139"/>
      <c r="F254" s="139"/>
      <c r="G254" s="139"/>
      <c r="H254" s="139"/>
      <c r="I254" s="139"/>
      <c r="J254" s="139"/>
      <c r="K254" s="139"/>
      <c r="L254" s="139"/>
      <c r="M254" s="139"/>
      <c r="N254" s="139"/>
      <c r="O254" s="139"/>
      <c r="P254" s="139"/>
      <c r="Q254" s="139"/>
      <c r="R254" s="139"/>
      <c r="S254" s="139"/>
      <c r="T254" s="139"/>
      <c r="U254" s="139"/>
      <c r="V254" s="139"/>
      <c r="W254" s="139"/>
      <c r="X254" s="139"/>
      <c r="Y254" s="139"/>
      <c r="Z254" s="139"/>
      <c r="AA254" s="139"/>
      <c r="AB254" s="139"/>
      <c r="AC254" s="139"/>
      <c r="AD254" s="139"/>
      <c r="AE254" s="139"/>
      <c r="AF254" s="139"/>
      <c r="AG254" s="139"/>
      <c r="AH254" s="139"/>
      <c r="AI254" s="139"/>
      <c r="AJ254" s="139"/>
      <c r="AK254" s="139"/>
      <c r="AL254" s="139"/>
      <c r="AM254" s="139"/>
      <c r="AN254" s="139"/>
      <c r="AO254" s="140"/>
    </row>
    <row r="255" spans="1:41" ht="9.75" customHeight="1">
      <c r="A255" s="138"/>
      <c r="B255" s="139"/>
      <c r="C255" s="139"/>
      <c r="D255" s="139"/>
      <c r="E255" s="139"/>
      <c r="F255" s="139"/>
      <c r="G255" s="139"/>
      <c r="H255" s="139"/>
      <c r="I255" s="139"/>
      <c r="J255" s="139"/>
      <c r="K255" s="139"/>
      <c r="L255" s="139"/>
      <c r="M255" s="139"/>
      <c r="N255" s="139"/>
      <c r="O255" s="139"/>
      <c r="P255" s="139"/>
      <c r="Q255" s="139"/>
      <c r="R255" s="139"/>
      <c r="S255" s="139"/>
      <c r="T255" s="139"/>
      <c r="U255" s="139"/>
      <c r="V255" s="139"/>
      <c r="W255" s="139"/>
      <c r="X255" s="139"/>
      <c r="Y255" s="139"/>
      <c r="Z255" s="139"/>
      <c r="AA255" s="139"/>
      <c r="AB255" s="139"/>
      <c r="AC255" s="139"/>
      <c r="AD255" s="139"/>
      <c r="AE255" s="139"/>
      <c r="AF255" s="139"/>
      <c r="AG255" s="139"/>
      <c r="AH255" s="139"/>
      <c r="AI255" s="139"/>
      <c r="AJ255" s="139"/>
      <c r="AK255" s="139"/>
      <c r="AL255" s="139"/>
      <c r="AM255" s="139"/>
      <c r="AN255" s="139"/>
      <c r="AO255" s="140"/>
    </row>
    <row r="256" spans="1:41" ht="9.75" customHeight="1">
      <c r="A256" s="141"/>
      <c r="B256" s="142"/>
      <c r="C256" s="142"/>
      <c r="D256" s="142"/>
      <c r="E256" s="142"/>
      <c r="F256" s="142"/>
      <c r="G256" s="142"/>
      <c r="H256" s="142"/>
      <c r="I256" s="142"/>
      <c r="J256" s="142"/>
      <c r="K256" s="142"/>
      <c r="L256" s="142"/>
      <c r="M256" s="142"/>
      <c r="N256" s="142"/>
      <c r="O256" s="142"/>
      <c r="P256" s="142"/>
      <c r="Q256" s="142"/>
      <c r="R256" s="142"/>
      <c r="S256" s="142"/>
      <c r="T256" s="142"/>
      <c r="U256" s="142"/>
      <c r="V256" s="142"/>
      <c r="W256" s="142"/>
      <c r="X256" s="142"/>
      <c r="Y256" s="142"/>
      <c r="Z256" s="142"/>
      <c r="AA256" s="142"/>
      <c r="AB256" s="142"/>
      <c r="AC256" s="142"/>
      <c r="AD256" s="142"/>
      <c r="AE256" s="142"/>
      <c r="AF256" s="142"/>
      <c r="AG256" s="142"/>
      <c r="AH256" s="142"/>
      <c r="AI256" s="142"/>
      <c r="AJ256" s="142"/>
      <c r="AK256" s="142"/>
      <c r="AL256" s="142"/>
      <c r="AM256" s="142"/>
      <c r="AN256" s="142"/>
      <c r="AO256" s="143"/>
    </row>
  </sheetData>
  <mergeCells count="181">
    <mergeCell ref="Q209:Q211"/>
    <mergeCell ref="P209:P211"/>
    <mergeCell ref="Q185:Q187"/>
    <mergeCell ref="P185:P187"/>
    <mergeCell ref="Q191:Q193"/>
    <mergeCell ref="P191:P193"/>
    <mergeCell ref="Q200:Q202"/>
    <mergeCell ref="P200:P202"/>
    <mergeCell ref="Q156:Q158"/>
    <mergeCell ref="P156:P158"/>
    <mergeCell ref="Q159:Q161"/>
    <mergeCell ref="P159:P161"/>
    <mergeCell ref="Q165:Q167"/>
    <mergeCell ref="P165:P167"/>
    <mergeCell ref="Q168:Q170"/>
    <mergeCell ref="P168:P170"/>
    <mergeCell ref="Q182:Q184"/>
    <mergeCell ref="P182:P184"/>
    <mergeCell ref="Q117:Q119"/>
    <mergeCell ref="P117:P119"/>
    <mergeCell ref="Q120:Q122"/>
    <mergeCell ref="P120:P122"/>
    <mergeCell ref="Q162:Q164"/>
    <mergeCell ref="P162:P164"/>
    <mergeCell ref="Q126:Q128"/>
    <mergeCell ref="P126:P128"/>
    <mergeCell ref="Q129:Q131"/>
    <mergeCell ref="P129:P131"/>
    <mergeCell ref="Q132:Q134"/>
    <mergeCell ref="P132:P134"/>
    <mergeCell ref="Q138:Q140"/>
    <mergeCell ref="P138:P140"/>
    <mergeCell ref="Q141:Q143"/>
    <mergeCell ref="P141:P143"/>
    <mergeCell ref="Q144:Q146"/>
    <mergeCell ref="P144:P146"/>
    <mergeCell ref="Q147:Q149"/>
    <mergeCell ref="P147:P149"/>
    <mergeCell ref="Q150:Q152"/>
    <mergeCell ref="P150:P152"/>
    <mergeCell ref="Q153:Q155"/>
    <mergeCell ref="P153:P155"/>
    <mergeCell ref="P40:P42"/>
    <mergeCell ref="Q43:Q45"/>
    <mergeCell ref="P43:P45"/>
    <mergeCell ref="Q67:Q69"/>
    <mergeCell ref="P67:P69"/>
    <mergeCell ref="Q55:Q57"/>
    <mergeCell ref="P55:P57"/>
    <mergeCell ref="Q61:Q63"/>
    <mergeCell ref="P61:P63"/>
    <mergeCell ref="F58:F60"/>
    <mergeCell ref="E58:E60"/>
    <mergeCell ref="F99:F101"/>
    <mergeCell ref="E99:E101"/>
    <mergeCell ref="P64:P66"/>
    <mergeCell ref="Q96:Q98"/>
    <mergeCell ref="P96:P98"/>
    <mergeCell ref="Q73:Q75"/>
    <mergeCell ref="P73:P75"/>
    <mergeCell ref="Q64:Q66"/>
    <mergeCell ref="Q76:Q78"/>
    <mergeCell ref="P76:P78"/>
    <mergeCell ref="Q79:Q81"/>
    <mergeCell ref="P79:P81"/>
    <mergeCell ref="Q82:Q84"/>
    <mergeCell ref="P82:P84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G5:S5"/>
    <mergeCell ref="Q25:Q27"/>
    <mergeCell ref="P25:P27"/>
    <mergeCell ref="Q28:Q30"/>
    <mergeCell ref="Q37:Q39"/>
    <mergeCell ref="P37:P39"/>
    <mergeCell ref="X92:X94"/>
    <mergeCell ref="P93:Q94"/>
    <mergeCell ref="R93:S94"/>
    <mergeCell ref="T91:T94"/>
    <mergeCell ref="U91:X91"/>
    <mergeCell ref="P28:P30"/>
    <mergeCell ref="Q31:Q33"/>
    <mergeCell ref="P31:P33"/>
    <mergeCell ref="Q34:Q36"/>
    <mergeCell ref="P34:P36"/>
    <mergeCell ref="Q46:Q48"/>
    <mergeCell ref="P46:P48"/>
    <mergeCell ref="Q49:Q51"/>
    <mergeCell ref="P49:P51"/>
    <mergeCell ref="Q52:Q54"/>
    <mergeCell ref="P52:P54"/>
    <mergeCell ref="Q70:Q72"/>
    <mergeCell ref="P70:P72"/>
    <mergeCell ref="Q40:Q42"/>
    <mergeCell ref="D13:D15"/>
    <mergeCell ref="C13:C15"/>
    <mergeCell ref="F16:F18"/>
    <mergeCell ref="E16:E18"/>
    <mergeCell ref="F22:F24"/>
    <mergeCell ref="E22:E24"/>
    <mergeCell ref="Y5:Y8"/>
    <mergeCell ref="A5:B8"/>
    <mergeCell ref="C5:D8"/>
    <mergeCell ref="E5:F8"/>
    <mergeCell ref="B10:B12"/>
    <mergeCell ref="A10:A12"/>
    <mergeCell ref="T5:T8"/>
    <mergeCell ref="U5:X5"/>
    <mergeCell ref="X6:X8"/>
    <mergeCell ref="P7:Q8"/>
    <mergeCell ref="Q10:Q12"/>
    <mergeCell ref="P10:P12"/>
    <mergeCell ref="Q19:Q21"/>
    <mergeCell ref="P19:P21"/>
    <mergeCell ref="R7:S8"/>
    <mergeCell ref="Y177:Y180"/>
    <mergeCell ref="Z177:AO180"/>
    <mergeCell ref="G178:H180"/>
    <mergeCell ref="I178:J180"/>
    <mergeCell ref="K178:K180"/>
    <mergeCell ref="L178:M180"/>
    <mergeCell ref="N178:N180"/>
    <mergeCell ref="P178:S178"/>
    <mergeCell ref="U178:V180"/>
    <mergeCell ref="G177:S177"/>
    <mergeCell ref="Z91:AO94"/>
    <mergeCell ref="G92:H94"/>
    <mergeCell ref="I92:J94"/>
    <mergeCell ref="K92:K94"/>
    <mergeCell ref="L92:M94"/>
    <mergeCell ref="N92:N94"/>
    <mergeCell ref="P92:S92"/>
    <mergeCell ref="U92:V94"/>
    <mergeCell ref="W92:W94"/>
    <mergeCell ref="Y91:Y94"/>
    <mergeCell ref="U177:X177"/>
    <mergeCell ref="T177:T180"/>
    <mergeCell ref="W178:W180"/>
    <mergeCell ref="X178:X180"/>
    <mergeCell ref="P179:Q180"/>
    <mergeCell ref="A91:B94"/>
    <mergeCell ref="C91:D94"/>
    <mergeCell ref="E91:F94"/>
    <mergeCell ref="G91:S91"/>
    <mergeCell ref="R179:S180"/>
    <mergeCell ref="F135:F137"/>
    <mergeCell ref="E135:E137"/>
    <mergeCell ref="Q123:Q125"/>
    <mergeCell ref="P123:P125"/>
    <mergeCell ref="Q102:Q104"/>
    <mergeCell ref="P102:P104"/>
    <mergeCell ref="Q105:Q107"/>
    <mergeCell ref="P105:P107"/>
    <mergeCell ref="Q108:Q110"/>
    <mergeCell ref="P108:P110"/>
    <mergeCell ref="Q111:Q113"/>
    <mergeCell ref="P111:P113"/>
    <mergeCell ref="Q114:Q116"/>
    <mergeCell ref="P114:P116"/>
    <mergeCell ref="A213:F213"/>
    <mergeCell ref="G213:H213"/>
    <mergeCell ref="A177:B180"/>
    <mergeCell ref="C177:D180"/>
    <mergeCell ref="E177:F180"/>
    <mergeCell ref="D194:D196"/>
    <mergeCell ref="C194:C196"/>
    <mergeCell ref="D203:D205"/>
    <mergeCell ref="C203:C205"/>
    <mergeCell ref="F188:F190"/>
    <mergeCell ref="E188:E190"/>
    <mergeCell ref="F197:F199"/>
    <mergeCell ref="E197:E199"/>
    <mergeCell ref="F206:F208"/>
    <mergeCell ref="E206:E208"/>
  </mergeCells>
  <phoneticPr fontId="1"/>
  <pageMargins left="0.39370078740157483" right="0.39370078740157483" top="0.39370078740157483" bottom="0.39370078740157483" header="0.19685039370078741" footer="0.19685039370078741"/>
  <pageSetup paperSize="9" firstPageNumber="256" pageOrder="overThenDown" orientation="portrait" useFirstPageNumber="1" r:id="rId1"/>
  <headerFooter>
    <oddFooter>&amp;C- &amp;P -</oddFooter>
  </headerFooter>
  <rowBreaks count="2" manualBreakCount="2">
    <brk id="86" max="16383" man="1"/>
    <brk id="172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83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284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8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3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285</v>
      </c>
      <c r="I12" s="52"/>
      <c r="J12" s="53" t="s">
        <v>22</v>
      </c>
      <c r="K12" s="54" t="s">
        <v>22</v>
      </c>
      <c r="L12" s="54" t="s">
        <v>285</v>
      </c>
      <c r="M12" s="55"/>
      <c r="N12" s="55"/>
      <c r="O12" s="56"/>
      <c r="P12" s="52"/>
      <c r="Q12" s="53"/>
      <c r="R12" s="52" t="s">
        <v>286</v>
      </c>
      <c r="S12" s="57"/>
      <c r="T12" s="58" t="s">
        <v>286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109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87</v>
      </c>
      <c r="I15" s="43"/>
      <c r="J15" s="44" t="s">
        <v>22</v>
      </c>
      <c r="K15" s="45" t="s">
        <v>22</v>
      </c>
      <c r="L15" s="45" t="s">
        <v>287</v>
      </c>
      <c r="M15" s="42"/>
      <c r="N15" s="42"/>
      <c r="O15" s="64"/>
      <c r="P15" s="43"/>
      <c r="Q15" s="44"/>
      <c r="R15" s="43" t="s">
        <v>288</v>
      </c>
      <c r="S15" s="46"/>
      <c r="T15" s="47" t="s">
        <v>288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12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87</v>
      </c>
      <c r="I18" s="43"/>
      <c r="J18" s="44" t="s">
        <v>22</v>
      </c>
      <c r="K18" s="45" t="s">
        <v>22</v>
      </c>
      <c r="L18" s="45" t="s">
        <v>287</v>
      </c>
      <c r="M18" s="42"/>
      <c r="N18" s="42"/>
      <c r="O18" s="64"/>
      <c r="P18" s="43"/>
      <c r="Q18" s="44"/>
      <c r="R18" s="43" t="s">
        <v>288</v>
      </c>
      <c r="S18" s="46"/>
      <c r="T18" s="47" t="s">
        <v>288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112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287</v>
      </c>
      <c r="R21" s="43" t="s">
        <v>288</v>
      </c>
      <c r="S21" s="46"/>
      <c r="T21" s="47" t="s">
        <v>288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66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289</v>
      </c>
      <c r="I24" s="43"/>
      <c r="J24" s="44" t="s">
        <v>22</v>
      </c>
      <c r="K24" s="45" t="s">
        <v>22</v>
      </c>
      <c r="L24" s="45" t="s">
        <v>289</v>
      </c>
      <c r="M24" s="42"/>
      <c r="N24" s="42"/>
      <c r="O24" s="41"/>
      <c r="P24" s="43"/>
      <c r="Q24" s="44"/>
      <c r="R24" s="43" t="s">
        <v>290</v>
      </c>
      <c r="S24" s="46"/>
      <c r="T24" s="47" t="s">
        <v>290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30" t="s">
        <v>571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289</v>
      </c>
      <c r="I27" s="43"/>
      <c r="J27" s="44" t="s">
        <v>22</v>
      </c>
      <c r="K27" s="45" t="s">
        <v>22</v>
      </c>
      <c r="L27" s="45" t="s">
        <v>289</v>
      </c>
      <c r="M27" s="42"/>
      <c r="N27" s="42"/>
      <c r="O27" s="64"/>
      <c r="P27" s="43"/>
      <c r="Q27" s="44"/>
      <c r="R27" s="43" t="s">
        <v>290</v>
      </c>
      <c r="S27" s="46"/>
      <c r="T27" s="47" t="s">
        <v>290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6</v>
      </c>
      <c r="D29" s="221" t="s">
        <v>80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291</v>
      </c>
      <c r="I30" s="43"/>
      <c r="J30" s="44" t="s">
        <v>22</v>
      </c>
      <c r="K30" s="45" t="s">
        <v>22</v>
      </c>
      <c r="L30" s="45" t="s">
        <v>291</v>
      </c>
      <c r="M30" s="42"/>
      <c r="N30" s="42"/>
      <c r="O30" s="41"/>
      <c r="P30" s="43"/>
      <c r="Q30" s="44"/>
      <c r="R30" s="43" t="s">
        <v>292</v>
      </c>
      <c r="S30" s="46"/>
      <c r="T30" s="47" t="s">
        <v>292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21" t="s">
        <v>80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291</v>
      </c>
      <c r="I33" s="43"/>
      <c r="J33" s="44" t="s">
        <v>22</v>
      </c>
      <c r="K33" s="45" t="s">
        <v>22</v>
      </c>
      <c r="L33" s="45" t="s">
        <v>291</v>
      </c>
      <c r="M33" s="42"/>
      <c r="N33" s="42"/>
      <c r="O33" s="64"/>
      <c r="P33" s="43"/>
      <c r="Q33" s="44"/>
      <c r="R33" s="43" t="s">
        <v>292</v>
      </c>
      <c r="S33" s="46"/>
      <c r="T33" s="47" t="s">
        <v>292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50"/>
      <c r="B35" s="51"/>
      <c r="C35" s="218" t="s">
        <v>31</v>
      </c>
      <c r="D35" s="221" t="s">
        <v>82</v>
      </c>
      <c r="E35" s="66"/>
      <c r="F35" s="67"/>
      <c r="G35" s="66"/>
      <c r="H35" s="69"/>
      <c r="I35" s="66"/>
      <c r="J35" s="69"/>
      <c r="K35" s="70"/>
      <c r="L35" s="70"/>
      <c r="M35" s="71"/>
      <c r="N35" s="71"/>
      <c r="O35" s="68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50"/>
      <c r="B36" s="51"/>
      <c r="C36" s="219"/>
      <c r="D36" s="222"/>
      <c r="E36" s="43"/>
      <c r="F36" s="64"/>
      <c r="G36" s="43"/>
      <c r="H36" s="44" t="s">
        <v>38</v>
      </c>
      <c r="I36" s="43"/>
      <c r="J36" s="44" t="s">
        <v>22</v>
      </c>
      <c r="K36" s="45" t="s">
        <v>22</v>
      </c>
      <c r="L36" s="45" t="s">
        <v>38</v>
      </c>
      <c r="M36" s="42"/>
      <c r="N36" s="42"/>
      <c r="O36" s="41"/>
      <c r="P36" s="43"/>
      <c r="Q36" s="44"/>
      <c r="R36" s="43" t="s">
        <v>293</v>
      </c>
      <c r="S36" s="46"/>
      <c r="T36" s="47" t="s">
        <v>293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50"/>
      <c r="B37" s="51"/>
      <c r="C37" s="219"/>
      <c r="D37" s="222"/>
      <c r="E37" s="43"/>
      <c r="F37" s="64"/>
      <c r="G37" s="43"/>
      <c r="H37" s="44"/>
      <c r="I37" s="43"/>
      <c r="J37" s="44"/>
      <c r="K37" s="45"/>
      <c r="L37" s="45"/>
      <c r="M37" s="42"/>
      <c r="N37" s="42"/>
      <c r="O37" s="41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50"/>
      <c r="B38" s="56"/>
      <c r="C38" s="43"/>
      <c r="D38" s="64"/>
      <c r="E38" s="218" t="s">
        <v>21</v>
      </c>
      <c r="F38" s="221" t="s">
        <v>83</v>
      </c>
      <c r="G38" s="66"/>
      <c r="H38" s="69"/>
      <c r="I38" s="66"/>
      <c r="J38" s="69"/>
      <c r="K38" s="70"/>
      <c r="L38" s="70"/>
      <c r="M38" s="71"/>
      <c r="N38" s="71"/>
      <c r="O38" s="67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43"/>
      <c r="D39" s="64"/>
      <c r="E39" s="219"/>
      <c r="F39" s="222"/>
      <c r="G39" s="43"/>
      <c r="H39" s="44" t="s">
        <v>38</v>
      </c>
      <c r="I39" s="43"/>
      <c r="J39" s="44" t="s">
        <v>22</v>
      </c>
      <c r="K39" s="45" t="s">
        <v>22</v>
      </c>
      <c r="L39" s="45" t="s">
        <v>38</v>
      </c>
      <c r="M39" s="42"/>
      <c r="N39" s="42"/>
      <c r="O39" s="64"/>
      <c r="P39" s="43"/>
      <c r="Q39" s="44"/>
      <c r="R39" s="43" t="s">
        <v>293</v>
      </c>
      <c r="S39" s="46"/>
      <c r="T39" s="47" t="s">
        <v>293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89"/>
      <c r="B40" s="90"/>
      <c r="C40" s="91"/>
      <c r="D40" s="102"/>
      <c r="E40" s="220"/>
      <c r="F40" s="223"/>
      <c r="G40" s="91"/>
      <c r="H40" s="92"/>
      <c r="I40" s="91"/>
      <c r="J40" s="92"/>
      <c r="K40" s="48"/>
      <c r="L40" s="48"/>
      <c r="M40" s="49"/>
      <c r="N40" s="49"/>
      <c r="O40" s="102"/>
      <c r="P40" s="91"/>
      <c r="Q40" s="92"/>
      <c r="R40" s="91"/>
      <c r="S40" s="93"/>
      <c r="T40" s="94"/>
      <c r="U40" s="92"/>
      <c r="V40" s="91"/>
      <c r="W40" s="92"/>
      <c r="X40" s="95"/>
      <c r="Y40" s="95"/>
      <c r="Z40" s="95"/>
      <c r="AA40" s="95"/>
      <c r="AB40" s="96"/>
      <c r="AC40" s="96"/>
      <c r="AD40" s="96"/>
      <c r="AE40" s="96"/>
      <c r="AF40" s="96"/>
      <c r="AG40" s="96"/>
      <c r="AH40" s="96"/>
      <c r="AI40" s="96"/>
      <c r="AJ40" s="96"/>
      <c r="AK40" s="97"/>
      <c r="AL40" s="97"/>
      <c r="AM40" s="98"/>
    </row>
    <row r="41" spans="1:39" s="59" customFormat="1" ht="9.75" customHeight="1">
      <c r="A41" s="76"/>
      <c r="B41" s="115"/>
      <c r="C41" s="115"/>
      <c r="D41" s="115"/>
      <c r="E41" s="115"/>
      <c r="F41" s="115"/>
      <c r="G41" s="103"/>
      <c r="H41" s="104"/>
      <c r="I41" s="103"/>
      <c r="J41" s="104"/>
      <c r="K41" s="105"/>
      <c r="L41" s="105"/>
      <c r="M41" s="106"/>
      <c r="N41" s="106"/>
      <c r="O41" s="65"/>
      <c r="P41" s="103"/>
      <c r="Q41" s="104"/>
      <c r="R41" s="103"/>
      <c r="S41" s="107"/>
      <c r="T41" s="108"/>
      <c r="U41" s="104"/>
      <c r="V41" s="103"/>
      <c r="W41" s="104"/>
      <c r="X41" s="109" t="s">
        <v>1</v>
      </c>
      <c r="Y41" s="109"/>
      <c r="Z41" s="109"/>
      <c r="AA41" s="109"/>
      <c r="AB41" s="110"/>
      <c r="AC41" s="110"/>
      <c r="AD41" s="110"/>
      <c r="AE41" s="110"/>
      <c r="AF41" s="110"/>
      <c r="AG41" s="110"/>
      <c r="AH41" s="110"/>
      <c r="AI41" s="110"/>
      <c r="AJ41" s="110"/>
      <c r="AK41" s="111"/>
      <c r="AL41" s="111"/>
      <c r="AM41" s="112"/>
    </row>
    <row r="42" spans="1:39" s="59" customFormat="1" ht="9.75" customHeight="1">
      <c r="A42" s="248" t="s">
        <v>19</v>
      </c>
      <c r="B42" s="249"/>
      <c r="C42" s="250"/>
      <c r="D42" s="250"/>
      <c r="E42" s="250"/>
      <c r="F42" s="236"/>
      <c r="G42" s="52"/>
      <c r="H42" s="53" t="s">
        <v>285</v>
      </c>
      <c r="I42" s="52"/>
      <c r="J42" s="53" t="s">
        <v>22</v>
      </c>
      <c r="K42" s="54" t="s">
        <v>22</v>
      </c>
      <c r="L42" s="54" t="s">
        <v>285</v>
      </c>
      <c r="M42" s="55"/>
      <c r="N42" s="55"/>
      <c r="O42" s="56"/>
      <c r="P42" s="52"/>
      <c r="Q42" s="53"/>
      <c r="R42" s="52" t="s">
        <v>286</v>
      </c>
      <c r="S42" s="57"/>
      <c r="T42" s="58" t="s">
        <v>286</v>
      </c>
      <c r="U42" s="53" t="s">
        <v>22</v>
      </c>
      <c r="V42" s="52"/>
      <c r="W42" s="53" t="s">
        <v>22</v>
      </c>
      <c r="X42" s="60"/>
      <c r="Y42" s="60"/>
      <c r="Z42" s="60"/>
      <c r="AA42" s="60"/>
      <c r="AB42" s="61"/>
      <c r="AC42" s="61"/>
      <c r="AD42" s="61"/>
      <c r="AE42" s="61"/>
      <c r="AF42" s="61"/>
      <c r="AG42" s="61"/>
      <c r="AH42" s="61"/>
      <c r="AI42" s="61"/>
      <c r="AJ42" s="61"/>
      <c r="AK42" s="62"/>
      <c r="AL42" s="62"/>
      <c r="AM42" s="63"/>
    </row>
    <row r="43" spans="1:39" s="59" customFormat="1" ht="9.75" customHeight="1">
      <c r="A43" s="77"/>
      <c r="B43" s="116"/>
      <c r="C43" s="116"/>
      <c r="D43" s="116"/>
      <c r="E43" s="116"/>
      <c r="F43" s="116"/>
      <c r="G43" s="79"/>
      <c r="H43" s="80"/>
      <c r="I43" s="79"/>
      <c r="J43" s="80"/>
      <c r="K43" s="81"/>
      <c r="L43" s="81"/>
      <c r="M43" s="82"/>
      <c r="N43" s="82"/>
      <c r="O43" s="78"/>
      <c r="P43" s="79"/>
      <c r="Q43" s="80"/>
      <c r="R43" s="79"/>
      <c r="S43" s="83"/>
      <c r="T43" s="84"/>
      <c r="U43" s="80"/>
      <c r="V43" s="79"/>
      <c r="W43" s="80"/>
      <c r="X43" s="117"/>
      <c r="Y43" s="117"/>
      <c r="Z43" s="117"/>
      <c r="AA43" s="117"/>
      <c r="AB43" s="118"/>
      <c r="AC43" s="118"/>
      <c r="AD43" s="118"/>
      <c r="AE43" s="118"/>
      <c r="AF43" s="118"/>
      <c r="AG43" s="118"/>
      <c r="AH43" s="118"/>
      <c r="AI43" s="118"/>
      <c r="AJ43" s="118"/>
      <c r="AK43" s="119"/>
      <c r="AL43" s="119"/>
      <c r="AM43" s="120"/>
    </row>
    <row r="44" spans="1:39" ht="9.75" customHeight="1">
      <c r="A44" s="134"/>
      <c r="B44" s="135"/>
      <c r="C44" s="135"/>
      <c r="D44" s="135"/>
      <c r="E44" s="135"/>
      <c r="F44" s="135"/>
      <c r="G44" s="135"/>
      <c r="H44" s="135"/>
      <c r="I44" s="135"/>
      <c r="J44" s="135"/>
      <c r="K44" s="135"/>
      <c r="L44" s="135"/>
      <c r="M44" s="135"/>
      <c r="N44" s="135"/>
      <c r="O44" s="135"/>
      <c r="P44" s="135"/>
      <c r="Q44" s="135"/>
      <c r="R44" s="135"/>
      <c r="S44" s="135"/>
      <c r="T44" s="135"/>
      <c r="U44" s="135"/>
      <c r="V44" s="135"/>
      <c r="W44" s="135"/>
      <c r="X44" s="136"/>
      <c r="Y44" s="136"/>
      <c r="Z44" s="136"/>
      <c r="AA44" s="136"/>
      <c r="AB44" s="136"/>
      <c r="AC44" s="136"/>
      <c r="AD44" s="136"/>
      <c r="AE44" s="136"/>
      <c r="AF44" s="136"/>
      <c r="AG44" s="136"/>
      <c r="AH44" s="136"/>
      <c r="AI44" s="136"/>
      <c r="AJ44" s="136"/>
      <c r="AK44" s="136"/>
      <c r="AL44" s="136"/>
      <c r="AM44" s="137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9">
    <mergeCell ref="A42:F42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E17:E19"/>
    <mergeCell ref="F26:F28"/>
    <mergeCell ref="E26:E28"/>
    <mergeCell ref="F32:F34"/>
    <mergeCell ref="E32:E34"/>
    <mergeCell ref="F38:F40"/>
    <mergeCell ref="E38:E40"/>
    <mergeCell ref="O20:O22"/>
    <mergeCell ref="N20:N22"/>
    <mergeCell ref="C29:C31"/>
    <mergeCell ref="D35:D37"/>
    <mergeCell ref="C35:C37"/>
  </mergeCells>
  <phoneticPr fontId="1"/>
  <pageMargins left="0.43307086614173229" right="0.39370078740157483" top="0.19685039370078741" bottom="0" header="0.19685039370078741" footer="0.19685039370078741"/>
  <pageSetup paperSize="9" firstPageNumber="262" pageOrder="overThenDown" orientation="portrait" useFirstPageNumber="1" r:id="rId1"/>
  <headerFooter>
    <oddFooter>&amp;C- &amp;P 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719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710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66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105</v>
      </c>
      <c r="I11" s="52"/>
      <c r="J11" s="53" t="s">
        <v>22</v>
      </c>
      <c r="K11" s="183" t="s">
        <v>106</v>
      </c>
      <c r="L11" s="52"/>
      <c r="M11" s="205" t="s">
        <v>22</v>
      </c>
      <c r="N11" s="54" t="s">
        <v>107</v>
      </c>
      <c r="O11" s="55"/>
      <c r="P11" s="228"/>
      <c r="Q11" s="294"/>
      <c r="R11" s="52"/>
      <c r="S11" s="55"/>
      <c r="T11" s="204" t="s">
        <v>659</v>
      </c>
      <c r="U11" s="55"/>
      <c r="V11" s="53" t="s">
        <v>22</v>
      </c>
      <c r="W11" s="54" t="s">
        <v>658</v>
      </c>
      <c r="X11" s="54" t="s">
        <v>22</v>
      </c>
      <c r="Y11" s="54" t="s">
        <v>657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 t="s">
        <v>656</v>
      </c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30" t="s">
        <v>709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66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708</v>
      </c>
      <c r="I14" s="169"/>
      <c r="J14" s="44" t="s">
        <v>22</v>
      </c>
      <c r="K14" s="192" t="s">
        <v>106</v>
      </c>
      <c r="L14" s="169"/>
      <c r="M14" s="191" t="s">
        <v>22</v>
      </c>
      <c r="N14" s="45" t="s">
        <v>707</v>
      </c>
      <c r="O14" s="168"/>
      <c r="P14" s="168"/>
      <c r="Q14" s="170"/>
      <c r="R14" s="169"/>
      <c r="S14" s="168"/>
      <c r="T14" s="190" t="s">
        <v>706</v>
      </c>
      <c r="U14" s="168"/>
      <c r="V14" s="44" t="s">
        <v>22</v>
      </c>
      <c r="W14" s="45" t="s">
        <v>658</v>
      </c>
      <c r="X14" s="45" t="s">
        <v>22</v>
      </c>
      <c r="Y14" s="45" t="s">
        <v>705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 t="s">
        <v>656</v>
      </c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709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66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708</v>
      </c>
      <c r="I17" s="169"/>
      <c r="J17" s="44" t="s">
        <v>22</v>
      </c>
      <c r="K17" s="192" t="s">
        <v>106</v>
      </c>
      <c r="L17" s="169"/>
      <c r="M17" s="191" t="s">
        <v>22</v>
      </c>
      <c r="N17" s="45" t="s">
        <v>707</v>
      </c>
      <c r="O17" s="168"/>
      <c r="P17" s="168"/>
      <c r="Q17" s="170"/>
      <c r="R17" s="169"/>
      <c r="S17" s="168"/>
      <c r="T17" s="190" t="s">
        <v>706</v>
      </c>
      <c r="U17" s="168"/>
      <c r="V17" s="44" t="s">
        <v>22</v>
      </c>
      <c r="W17" s="45" t="s">
        <v>658</v>
      </c>
      <c r="X17" s="45" t="s">
        <v>22</v>
      </c>
      <c r="Y17" s="45" t="s">
        <v>705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 t="s">
        <v>656</v>
      </c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41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39</v>
      </c>
      <c r="Q19" s="221" t="s">
        <v>704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703</v>
      </c>
      <c r="T20" s="190" t="s">
        <v>702</v>
      </c>
      <c r="U20" s="168"/>
      <c r="V20" s="44" t="s">
        <v>22</v>
      </c>
      <c r="W20" s="45" t="s">
        <v>22</v>
      </c>
      <c r="X20" s="45" t="s">
        <v>22</v>
      </c>
      <c r="Y20" s="45" t="s">
        <v>701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94"/>
      <c r="E22" s="169"/>
      <c r="F22" s="41"/>
      <c r="G22" s="169"/>
      <c r="H22" s="44"/>
      <c r="I22" s="169"/>
      <c r="J22" s="44"/>
      <c r="K22" s="192"/>
      <c r="L22" s="169"/>
      <c r="M22" s="191"/>
      <c r="N22" s="45"/>
      <c r="O22" s="168"/>
      <c r="P22" s="227" t="s">
        <v>40</v>
      </c>
      <c r="Q22" s="221" t="s">
        <v>700</v>
      </c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4"/>
      <c r="E23" s="169"/>
      <c r="F23" s="41"/>
      <c r="G23" s="169"/>
      <c r="H23" s="44"/>
      <c r="I23" s="169"/>
      <c r="J23" s="44"/>
      <c r="K23" s="192"/>
      <c r="L23" s="169"/>
      <c r="M23" s="191"/>
      <c r="N23" s="45"/>
      <c r="O23" s="168"/>
      <c r="P23" s="228"/>
      <c r="Q23" s="222"/>
      <c r="R23" s="169"/>
      <c r="S23" s="168" t="s">
        <v>61</v>
      </c>
      <c r="T23" s="190" t="s">
        <v>61</v>
      </c>
      <c r="U23" s="168"/>
      <c r="V23" s="44" t="s">
        <v>22</v>
      </c>
      <c r="W23" s="45" t="s">
        <v>22</v>
      </c>
      <c r="X23" s="45" t="s">
        <v>22</v>
      </c>
      <c r="Y23" s="45" t="s">
        <v>22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4"/>
      <c r="E24" s="169"/>
      <c r="F24" s="41"/>
      <c r="G24" s="169"/>
      <c r="H24" s="44"/>
      <c r="I24" s="169"/>
      <c r="J24" s="44"/>
      <c r="K24" s="192"/>
      <c r="L24" s="169"/>
      <c r="M24" s="191"/>
      <c r="N24" s="45"/>
      <c r="O24" s="168"/>
      <c r="P24" s="229"/>
      <c r="Q24" s="223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4"/>
      <c r="E25" s="169"/>
      <c r="F25" s="41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79</v>
      </c>
      <c r="Q25" s="221" t="s">
        <v>699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4"/>
      <c r="E26" s="169"/>
      <c r="F26" s="41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698</v>
      </c>
      <c r="T26" s="190" t="s">
        <v>697</v>
      </c>
      <c r="U26" s="168"/>
      <c r="V26" s="44" t="s">
        <v>22</v>
      </c>
      <c r="W26" s="45" t="s">
        <v>22</v>
      </c>
      <c r="X26" s="45" t="s">
        <v>22</v>
      </c>
      <c r="Y26" s="45" t="s">
        <v>696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4"/>
      <c r="E27" s="169"/>
      <c r="F27" s="41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41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100</v>
      </c>
      <c r="Q28" s="230" t="s">
        <v>695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41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694</v>
      </c>
      <c r="T29" s="190" t="s">
        <v>693</v>
      </c>
      <c r="U29" s="168"/>
      <c r="V29" s="44" t="s">
        <v>22</v>
      </c>
      <c r="W29" s="45" t="s">
        <v>22</v>
      </c>
      <c r="X29" s="45" t="s">
        <v>22</v>
      </c>
      <c r="Y29" s="45" t="s">
        <v>692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41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680</v>
      </c>
      <c r="Q31" s="230" t="s">
        <v>679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691</v>
      </c>
      <c r="T32" s="190" t="s">
        <v>690</v>
      </c>
      <c r="U32" s="168"/>
      <c r="V32" s="44" t="s">
        <v>22</v>
      </c>
      <c r="W32" s="45" t="s">
        <v>22</v>
      </c>
      <c r="X32" s="45" t="s">
        <v>22</v>
      </c>
      <c r="Y32" s="45" t="s">
        <v>689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688</v>
      </c>
      <c r="Q34" s="221" t="s">
        <v>687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686</v>
      </c>
      <c r="T35" s="190" t="s">
        <v>685</v>
      </c>
      <c r="U35" s="168"/>
      <c r="V35" s="44" t="s">
        <v>22</v>
      </c>
      <c r="W35" s="45" t="s">
        <v>658</v>
      </c>
      <c r="X35" s="45" t="s">
        <v>22</v>
      </c>
      <c r="Y35" s="45" t="s">
        <v>684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72"/>
      <c r="D36" s="203"/>
      <c r="E36" s="172"/>
      <c r="F36" s="90"/>
      <c r="G36" s="172"/>
      <c r="H36" s="92"/>
      <c r="I36" s="172"/>
      <c r="J36" s="92"/>
      <c r="K36" s="202"/>
      <c r="L36" s="172"/>
      <c r="M36" s="201"/>
      <c r="N36" s="48"/>
      <c r="O36" s="174"/>
      <c r="P36" s="229"/>
      <c r="Q36" s="223"/>
      <c r="R36" s="172"/>
      <c r="S36" s="174"/>
      <c r="T36" s="200"/>
      <c r="U36" s="174"/>
      <c r="V36" s="92"/>
      <c r="W36" s="48"/>
      <c r="X36" s="48"/>
      <c r="Y36" s="48"/>
      <c r="Z36" s="199"/>
      <c r="AA36" s="95"/>
      <c r="AB36" s="95"/>
      <c r="AC36" s="95"/>
      <c r="AD36" s="96"/>
      <c r="AE36" s="97"/>
      <c r="AF36" s="97"/>
      <c r="AG36" s="97"/>
      <c r="AH36" s="95"/>
      <c r="AI36" s="95"/>
      <c r="AJ36" s="95"/>
      <c r="AK36" s="95"/>
      <c r="AL36" s="96"/>
      <c r="AM36" s="97"/>
      <c r="AN36" s="97"/>
      <c r="AO36" s="98"/>
    </row>
    <row r="37" spans="1:41" s="59" customFormat="1" ht="9.75" customHeight="1">
      <c r="A37" s="40"/>
      <c r="B37" s="170"/>
      <c r="C37" s="218" t="s">
        <v>25</v>
      </c>
      <c r="D37" s="230" t="s">
        <v>683</v>
      </c>
      <c r="E37" s="162"/>
      <c r="F37" s="163"/>
      <c r="G37" s="162"/>
      <c r="H37" s="69"/>
      <c r="I37" s="162"/>
      <c r="J37" s="69"/>
      <c r="K37" s="198"/>
      <c r="L37" s="162"/>
      <c r="M37" s="197"/>
      <c r="N37" s="70"/>
      <c r="O37" s="167"/>
      <c r="P37" s="167"/>
      <c r="Q37" s="68"/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3"/>
      <c r="C38" s="219"/>
      <c r="D38" s="222"/>
      <c r="E38" s="169"/>
      <c r="F38" s="170"/>
      <c r="G38" s="169"/>
      <c r="H38" s="44" t="s">
        <v>118</v>
      </c>
      <c r="I38" s="169"/>
      <c r="J38" s="44" t="s">
        <v>22</v>
      </c>
      <c r="K38" s="192" t="s">
        <v>22</v>
      </c>
      <c r="L38" s="169"/>
      <c r="M38" s="191" t="s">
        <v>22</v>
      </c>
      <c r="N38" s="45" t="s">
        <v>118</v>
      </c>
      <c r="O38" s="168"/>
      <c r="P38" s="168"/>
      <c r="Q38" s="41"/>
      <c r="R38" s="169"/>
      <c r="S38" s="168"/>
      <c r="T38" s="190" t="s">
        <v>119</v>
      </c>
      <c r="U38" s="168"/>
      <c r="V38" s="44" t="s">
        <v>22</v>
      </c>
      <c r="W38" s="45" t="s">
        <v>22</v>
      </c>
      <c r="X38" s="45" t="s">
        <v>22</v>
      </c>
      <c r="Y38" s="45" t="s">
        <v>682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3"/>
      <c r="C39" s="219"/>
      <c r="D39" s="222"/>
      <c r="E39" s="169"/>
      <c r="F39" s="170"/>
      <c r="G39" s="169"/>
      <c r="H39" s="44"/>
      <c r="I39" s="169"/>
      <c r="J39" s="44"/>
      <c r="K39" s="192"/>
      <c r="L39" s="169"/>
      <c r="M39" s="191"/>
      <c r="N39" s="45"/>
      <c r="O39" s="168"/>
      <c r="P39" s="168"/>
      <c r="Q39" s="41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70"/>
      <c r="E40" s="218" t="s">
        <v>21</v>
      </c>
      <c r="F40" s="230" t="s">
        <v>683</v>
      </c>
      <c r="G40" s="162"/>
      <c r="H40" s="69"/>
      <c r="I40" s="162"/>
      <c r="J40" s="69"/>
      <c r="K40" s="198"/>
      <c r="L40" s="162"/>
      <c r="M40" s="197"/>
      <c r="N40" s="70"/>
      <c r="O40" s="167"/>
      <c r="P40" s="167"/>
      <c r="Q40" s="68"/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3"/>
      <c r="E41" s="219"/>
      <c r="F41" s="222"/>
      <c r="G41" s="169"/>
      <c r="H41" s="44" t="s">
        <v>118</v>
      </c>
      <c r="I41" s="169"/>
      <c r="J41" s="44" t="s">
        <v>22</v>
      </c>
      <c r="K41" s="192" t="s">
        <v>22</v>
      </c>
      <c r="L41" s="169"/>
      <c r="M41" s="191" t="s">
        <v>22</v>
      </c>
      <c r="N41" s="45" t="s">
        <v>118</v>
      </c>
      <c r="O41" s="168"/>
      <c r="P41" s="168"/>
      <c r="Q41" s="170"/>
      <c r="R41" s="169"/>
      <c r="S41" s="168"/>
      <c r="T41" s="190" t="s">
        <v>119</v>
      </c>
      <c r="U41" s="168"/>
      <c r="V41" s="44" t="s">
        <v>22</v>
      </c>
      <c r="W41" s="45" t="s">
        <v>22</v>
      </c>
      <c r="X41" s="45" t="s">
        <v>22</v>
      </c>
      <c r="Y41" s="45" t="s">
        <v>682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3"/>
      <c r="E42" s="219"/>
      <c r="F42" s="222"/>
      <c r="G42" s="169"/>
      <c r="H42" s="44"/>
      <c r="I42" s="169"/>
      <c r="J42" s="44"/>
      <c r="K42" s="192"/>
      <c r="L42" s="169"/>
      <c r="M42" s="191"/>
      <c r="N42" s="45"/>
      <c r="O42" s="168"/>
      <c r="P42" s="168"/>
      <c r="Q42" s="170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170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680</v>
      </c>
      <c r="Q43" s="230" t="s">
        <v>679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170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118</v>
      </c>
      <c r="T44" s="190" t="s">
        <v>119</v>
      </c>
      <c r="U44" s="168"/>
      <c r="V44" s="44" t="s">
        <v>22</v>
      </c>
      <c r="W44" s="45" t="s">
        <v>22</v>
      </c>
      <c r="X44" s="45" t="s">
        <v>22</v>
      </c>
      <c r="Y44" s="45" t="s">
        <v>682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72"/>
      <c r="D45" s="203"/>
      <c r="E45" s="172"/>
      <c r="F45" s="173"/>
      <c r="G45" s="172"/>
      <c r="H45" s="92"/>
      <c r="I45" s="172"/>
      <c r="J45" s="92"/>
      <c r="K45" s="202"/>
      <c r="L45" s="172"/>
      <c r="M45" s="201"/>
      <c r="N45" s="48"/>
      <c r="O45" s="174"/>
      <c r="P45" s="229"/>
      <c r="Q45" s="223"/>
      <c r="R45" s="172"/>
      <c r="S45" s="174"/>
      <c r="T45" s="200"/>
      <c r="U45" s="174"/>
      <c r="V45" s="92"/>
      <c r="W45" s="48"/>
      <c r="X45" s="48"/>
      <c r="Y45" s="48"/>
      <c r="Z45" s="199"/>
      <c r="AA45" s="95"/>
      <c r="AB45" s="95"/>
      <c r="AC45" s="95"/>
      <c r="AD45" s="96"/>
      <c r="AE45" s="97"/>
      <c r="AF45" s="97"/>
      <c r="AG45" s="97"/>
      <c r="AH45" s="95"/>
      <c r="AI45" s="95"/>
      <c r="AJ45" s="95"/>
      <c r="AK45" s="95"/>
      <c r="AL45" s="96"/>
      <c r="AM45" s="97"/>
      <c r="AN45" s="97"/>
      <c r="AO45" s="98"/>
    </row>
    <row r="46" spans="1:41" s="59" customFormat="1" ht="9.75" customHeight="1">
      <c r="A46" s="40"/>
      <c r="B46" s="170"/>
      <c r="C46" s="218" t="s">
        <v>26</v>
      </c>
      <c r="D46" s="224" t="s">
        <v>681</v>
      </c>
      <c r="E46" s="162"/>
      <c r="F46" s="163"/>
      <c r="G46" s="162"/>
      <c r="H46" s="69"/>
      <c r="I46" s="162"/>
      <c r="J46" s="69"/>
      <c r="K46" s="198"/>
      <c r="L46" s="162"/>
      <c r="M46" s="197"/>
      <c r="N46" s="70"/>
      <c r="O46" s="167"/>
      <c r="P46" s="167"/>
      <c r="Q46" s="68"/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3"/>
      <c r="C47" s="219"/>
      <c r="D47" s="225"/>
      <c r="E47" s="169"/>
      <c r="F47" s="170"/>
      <c r="G47" s="169"/>
      <c r="H47" s="44" t="s">
        <v>678</v>
      </c>
      <c r="I47" s="169"/>
      <c r="J47" s="44" t="s">
        <v>22</v>
      </c>
      <c r="K47" s="192" t="s">
        <v>22</v>
      </c>
      <c r="L47" s="169"/>
      <c r="M47" s="191" t="s">
        <v>22</v>
      </c>
      <c r="N47" s="45" t="s">
        <v>678</v>
      </c>
      <c r="O47" s="168"/>
      <c r="P47" s="168"/>
      <c r="Q47" s="41"/>
      <c r="R47" s="169"/>
      <c r="S47" s="168"/>
      <c r="T47" s="190" t="s">
        <v>677</v>
      </c>
      <c r="U47" s="168"/>
      <c r="V47" s="44" t="s">
        <v>22</v>
      </c>
      <c r="W47" s="45" t="s">
        <v>22</v>
      </c>
      <c r="X47" s="45" t="s">
        <v>22</v>
      </c>
      <c r="Y47" s="45" t="s">
        <v>676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3"/>
      <c r="C48" s="219"/>
      <c r="D48" s="225"/>
      <c r="E48" s="169"/>
      <c r="F48" s="170"/>
      <c r="G48" s="169"/>
      <c r="H48" s="44"/>
      <c r="I48" s="169"/>
      <c r="J48" s="44"/>
      <c r="K48" s="192"/>
      <c r="L48" s="169"/>
      <c r="M48" s="191"/>
      <c r="N48" s="45"/>
      <c r="O48" s="168"/>
      <c r="P48" s="168"/>
      <c r="Q48" s="41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70"/>
      <c r="E49" s="218" t="s">
        <v>21</v>
      </c>
      <c r="F49" s="224" t="s">
        <v>681</v>
      </c>
      <c r="G49" s="162"/>
      <c r="H49" s="69"/>
      <c r="I49" s="162"/>
      <c r="J49" s="69"/>
      <c r="K49" s="198"/>
      <c r="L49" s="162"/>
      <c r="M49" s="197"/>
      <c r="N49" s="70"/>
      <c r="O49" s="167"/>
      <c r="P49" s="167"/>
      <c r="Q49" s="68"/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3"/>
      <c r="E50" s="219"/>
      <c r="F50" s="225"/>
      <c r="G50" s="169"/>
      <c r="H50" s="44" t="s">
        <v>678</v>
      </c>
      <c r="I50" s="169"/>
      <c r="J50" s="44" t="s">
        <v>22</v>
      </c>
      <c r="K50" s="192" t="s">
        <v>22</v>
      </c>
      <c r="L50" s="169"/>
      <c r="M50" s="191" t="s">
        <v>22</v>
      </c>
      <c r="N50" s="45" t="s">
        <v>678</v>
      </c>
      <c r="O50" s="168"/>
      <c r="P50" s="168"/>
      <c r="Q50" s="170"/>
      <c r="R50" s="169"/>
      <c r="S50" s="168"/>
      <c r="T50" s="190" t="s">
        <v>677</v>
      </c>
      <c r="U50" s="168"/>
      <c r="V50" s="44" t="s">
        <v>22</v>
      </c>
      <c r="W50" s="45" t="s">
        <v>22</v>
      </c>
      <c r="X50" s="45" t="s">
        <v>22</v>
      </c>
      <c r="Y50" s="45" t="s">
        <v>676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3"/>
      <c r="E51" s="219"/>
      <c r="F51" s="225"/>
      <c r="G51" s="169"/>
      <c r="H51" s="44"/>
      <c r="I51" s="169"/>
      <c r="J51" s="44"/>
      <c r="K51" s="192"/>
      <c r="L51" s="169"/>
      <c r="M51" s="191"/>
      <c r="N51" s="45"/>
      <c r="O51" s="168"/>
      <c r="P51" s="168"/>
      <c r="Q51" s="170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94"/>
      <c r="E52" s="169"/>
      <c r="F52" s="170"/>
      <c r="G52" s="169"/>
      <c r="H52" s="44"/>
      <c r="I52" s="169"/>
      <c r="J52" s="44"/>
      <c r="K52" s="192"/>
      <c r="L52" s="169"/>
      <c r="M52" s="191"/>
      <c r="N52" s="45"/>
      <c r="O52" s="168"/>
      <c r="P52" s="227" t="s">
        <v>680</v>
      </c>
      <c r="Q52" s="230" t="s">
        <v>679</v>
      </c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4"/>
      <c r="E53" s="169"/>
      <c r="F53" s="170"/>
      <c r="G53" s="169"/>
      <c r="H53" s="44"/>
      <c r="I53" s="169"/>
      <c r="J53" s="44"/>
      <c r="K53" s="192"/>
      <c r="L53" s="169"/>
      <c r="M53" s="191"/>
      <c r="N53" s="45"/>
      <c r="O53" s="168"/>
      <c r="P53" s="228"/>
      <c r="Q53" s="222"/>
      <c r="R53" s="169"/>
      <c r="S53" s="168" t="s">
        <v>678</v>
      </c>
      <c r="T53" s="190" t="s">
        <v>677</v>
      </c>
      <c r="U53" s="168"/>
      <c r="V53" s="44" t="s">
        <v>22</v>
      </c>
      <c r="W53" s="45" t="s">
        <v>22</v>
      </c>
      <c r="X53" s="45" t="s">
        <v>22</v>
      </c>
      <c r="Y53" s="45" t="s">
        <v>676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72"/>
      <c r="D54" s="203"/>
      <c r="E54" s="172"/>
      <c r="F54" s="173"/>
      <c r="G54" s="172"/>
      <c r="H54" s="92"/>
      <c r="I54" s="172"/>
      <c r="J54" s="92"/>
      <c r="K54" s="202"/>
      <c r="L54" s="172"/>
      <c r="M54" s="201"/>
      <c r="N54" s="48"/>
      <c r="O54" s="174"/>
      <c r="P54" s="229"/>
      <c r="Q54" s="223"/>
      <c r="R54" s="172"/>
      <c r="S54" s="174"/>
      <c r="T54" s="200"/>
      <c r="U54" s="174"/>
      <c r="V54" s="92"/>
      <c r="W54" s="48"/>
      <c r="X54" s="48"/>
      <c r="Y54" s="48"/>
      <c r="Z54" s="199"/>
      <c r="AA54" s="95"/>
      <c r="AB54" s="95"/>
      <c r="AC54" s="95"/>
      <c r="AD54" s="96"/>
      <c r="AE54" s="97"/>
      <c r="AF54" s="97"/>
      <c r="AG54" s="97"/>
      <c r="AH54" s="95"/>
      <c r="AI54" s="95"/>
      <c r="AJ54" s="95"/>
      <c r="AK54" s="95"/>
      <c r="AL54" s="96"/>
      <c r="AM54" s="97"/>
      <c r="AN54" s="97"/>
      <c r="AO54" s="98"/>
    </row>
    <row r="55" spans="1:41" s="59" customFormat="1" ht="9.75" customHeight="1">
      <c r="A55" s="40"/>
      <c r="B55" s="170"/>
      <c r="C55" s="218" t="s">
        <v>31</v>
      </c>
      <c r="D55" s="221" t="s">
        <v>675</v>
      </c>
      <c r="E55" s="162"/>
      <c r="F55" s="163"/>
      <c r="G55" s="162"/>
      <c r="H55" s="69"/>
      <c r="I55" s="162"/>
      <c r="J55" s="69"/>
      <c r="K55" s="198"/>
      <c r="L55" s="162"/>
      <c r="M55" s="197"/>
      <c r="N55" s="70"/>
      <c r="O55" s="167"/>
      <c r="P55" s="167"/>
      <c r="Q55" s="68"/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3"/>
      <c r="C56" s="219"/>
      <c r="D56" s="222"/>
      <c r="E56" s="169"/>
      <c r="F56" s="170"/>
      <c r="G56" s="169"/>
      <c r="H56" s="44" t="s">
        <v>147</v>
      </c>
      <c r="I56" s="169"/>
      <c r="J56" s="44" t="s">
        <v>22</v>
      </c>
      <c r="K56" s="192" t="s">
        <v>22</v>
      </c>
      <c r="L56" s="169"/>
      <c r="M56" s="191" t="s">
        <v>22</v>
      </c>
      <c r="N56" s="45" t="s">
        <v>147</v>
      </c>
      <c r="O56" s="168"/>
      <c r="P56" s="168"/>
      <c r="Q56" s="41"/>
      <c r="R56" s="169"/>
      <c r="S56" s="168"/>
      <c r="T56" s="190" t="s">
        <v>148</v>
      </c>
      <c r="U56" s="168"/>
      <c r="V56" s="44" t="s">
        <v>22</v>
      </c>
      <c r="W56" s="45" t="s">
        <v>22</v>
      </c>
      <c r="X56" s="45" t="s">
        <v>22</v>
      </c>
      <c r="Y56" s="45" t="s">
        <v>674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3"/>
      <c r="C57" s="219"/>
      <c r="D57" s="222"/>
      <c r="E57" s="169"/>
      <c r="F57" s="170"/>
      <c r="G57" s="169"/>
      <c r="H57" s="44"/>
      <c r="I57" s="169"/>
      <c r="J57" s="44"/>
      <c r="K57" s="192"/>
      <c r="L57" s="169"/>
      <c r="M57" s="191"/>
      <c r="N57" s="45"/>
      <c r="O57" s="168"/>
      <c r="P57" s="168"/>
      <c r="Q57" s="41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4"/>
      <c r="C58" s="169"/>
      <c r="D58" s="170"/>
      <c r="E58" s="218" t="s">
        <v>21</v>
      </c>
      <c r="F58" s="221" t="s">
        <v>673</v>
      </c>
      <c r="G58" s="162"/>
      <c r="H58" s="69"/>
      <c r="I58" s="162"/>
      <c r="J58" s="69"/>
      <c r="K58" s="198"/>
      <c r="L58" s="162"/>
      <c r="M58" s="197"/>
      <c r="N58" s="70"/>
      <c r="O58" s="167"/>
      <c r="P58" s="167"/>
      <c r="Q58" s="68"/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4"/>
      <c r="C59" s="169"/>
      <c r="D59" s="193"/>
      <c r="E59" s="219"/>
      <c r="F59" s="222"/>
      <c r="G59" s="169"/>
      <c r="H59" s="44" t="s">
        <v>672</v>
      </c>
      <c r="I59" s="169"/>
      <c r="J59" s="44" t="s">
        <v>22</v>
      </c>
      <c r="K59" s="192" t="s">
        <v>22</v>
      </c>
      <c r="L59" s="169"/>
      <c r="M59" s="191" t="s">
        <v>22</v>
      </c>
      <c r="N59" s="45" t="s">
        <v>672</v>
      </c>
      <c r="O59" s="168"/>
      <c r="P59" s="168"/>
      <c r="Q59" s="170"/>
      <c r="R59" s="169"/>
      <c r="S59" s="168"/>
      <c r="T59" s="190" t="s">
        <v>672</v>
      </c>
      <c r="U59" s="168"/>
      <c r="V59" s="44" t="s">
        <v>22</v>
      </c>
      <c r="W59" s="45" t="s">
        <v>22</v>
      </c>
      <c r="X59" s="45" t="s">
        <v>22</v>
      </c>
      <c r="Y59" s="45" t="s">
        <v>22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4"/>
      <c r="C60" s="169"/>
      <c r="D60" s="193"/>
      <c r="E60" s="219"/>
      <c r="F60" s="222"/>
      <c r="G60" s="169"/>
      <c r="H60" s="44"/>
      <c r="I60" s="169"/>
      <c r="J60" s="44"/>
      <c r="K60" s="192"/>
      <c r="L60" s="169"/>
      <c r="M60" s="191"/>
      <c r="N60" s="45"/>
      <c r="O60" s="168"/>
      <c r="P60" s="168"/>
      <c r="Q60" s="170"/>
      <c r="R60" s="169"/>
      <c r="S60" s="168"/>
      <c r="T60" s="190"/>
      <c r="U60" s="168"/>
      <c r="V60" s="44"/>
      <c r="W60" s="45"/>
      <c r="X60" s="45"/>
      <c r="Y60" s="45"/>
      <c r="Z60" s="189"/>
      <c r="AA60" s="33"/>
      <c r="AB60" s="33"/>
      <c r="AC60" s="33"/>
      <c r="AD60" s="34"/>
      <c r="AE60" s="35"/>
      <c r="AF60" s="35"/>
      <c r="AG60" s="35"/>
      <c r="AH60" s="33"/>
      <c r="AI60" s="33"/>
      <c r="AJ60" s="33"/>
      <c r="AK60" s="33"/>
      <c r="AL60" s="34"/>
      <c r="AM60" s="35"/>
      <c r="AN60" s="35"/>
      <c r="AO60" s="36"/>
    </row>
    <row r="61" spans="1:41" s="59" customFormat="1" ht="9.75" customHeight="1">
      <c r="A61" s="40"/>
      <c r="B61" s="194"/>
      <c r="C61" s="169"/>
      <c r="D61" s="194"/>
      <c r="E61" s="169"/>
      <c r="F61" s="170"/>
      <c r="G61" s="169"/>
      <c r="H61" s="44"/>
      <c r="I61" s="169"/>
      <c r="J61" s="44"/>
      <c r="K61" s="192"/>
      <c r="L61" s="169"/>
      <c r="M61" s="191"/>
      <c r="N61" s="45"/>
      <c r="O61" s="168"/>
      <c r="P61" s="227" t="s">
        <v>666</v>
      </c>
      <c r="Q61" s="221" t="s">
        <v>665</v>
      </c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4"/>
      <c r="C62" s="169"/>
      <c r="D62" s="194"/>
      <c r="E62" s="169"/>
      <c r="F62" s="170"/>
      <c r="G62" s="169"/>
      <c r="H62" s="44"/>
      <c r="I62" s="169"/>
      <c r="J62" s="44"/>
      <c r="K62" s="192"/>
      <c r="L62" s="169"/>
      <c r="M62" s="191"/>
      <c r="N62" s="45"/>
      <c r="O62" s="168"/>
      <c r="P62" s="228"/>
      <c r="Q62" s="222"/>
      <c r="R62" s="169"/>
      <c r="S62" s="168" t="s">
        <v>672</v>
      </c>
      <c r="T62" s="190" t="s">
        <v>672</v>
      </c>
      <c r="U62" s="168"/>
      <c r="V62" s="44" t="s">
        <v>22</v>
      </c>
      <c r="W62" s="45" t="s">
        <v>22</v>
      </c>
      <c r="X62" s="45" t="s">
        <v>22</v>
      </c>
      <c r="Y62" s="45" t="s">
        <v>22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4"/>
      <c r="C63" s="169"/>
      <c r="D63" s="194"/>
      <c r="E63" s="169"/>
      <c r="F63" s="170"/>
      <c r="G63" s="169"/>
      <c r="H63" s="44"/>
      <c r="I63" s="169"/>
      <c r="J63" s="44"/>
      <c r="K63" s="192"/>
      <c r="L63" s="169"/>
      <c r="M63" s="191"/>
      <c r="N63" s="45"/>
      <c r="O63" s="168"/>
      <c r="P63" s="229"/>
      <c r="Q63" s="223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3"/>
      <c r="C64" s="169"/>
      <c r="D64" s="170"/>
      <c r="E64" s="218" t="s">
        <v>25</v>
      </c>
      <c r="F64" s="221" t="s">
        <v>671</v>
      </c>
      <c r="G64" s="162"/>
      <c r="H64" s="69"/>
      <c r="I64" s="162"/>
      <c r="J64" s="69"/>
      <c r="K64" s="198"/>
      <c r="L64" s="162"/>
      <c r="M64" s="197"/>
      <c r="N64" s="70"/>
      <c r="O64" s="167"/>
      <c r="P64" s="167"/>
      <c r="Q64" s="68"/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3"/>
      <c r="C65" s="169"/>
      <c r="D65" s="193"/>
      <c r="E65" s="219"/>
      <c r="F65" s="222"/>
      <c r="G65" s="169"/>
      <c r="H65" s="44" t="s">
        <v>670</v>
      </c>
      <c r="I65" s="169"/>
      <c r="J65" s="44" t="s">
        <v>22</v>
      </c>
      <c r="K65" s="192" t="s">
        <v>22</v>
      </c>
      <c r="L65" s="169"/>
      <c r="M65" s="191" t="s">
        <v>22</v>
      </c>
      <c r="N65" s="45" t="s">
        <v>670</v>
      </c>
      <c r="O65" s="168"/>
      <c r="P65" s="168"/>
      <c r="Q65" s="41"/>
      <c r="R65" s="169"/>
      <c r="S65" s="168"/>
      <c r="T65" s="190" t="s">
        <v>669</v>
      </c>
      <c r="U65" s="168"/>
      <c r="V65" s="44" t="s">
        <v>22</v>
      </c>
      <c r="W65" s="45" t="s">
        <v>22</v>
      </c>
      <c r="X65" s="45" t="s">
        <v>22</v>
      </c>
      <c r="Y65" s="45" t="s">
        <v>668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3"/>
      <c r="C66" s="169"/>
      <c r="D66" s="193"/>
      <c r="E66" s="219"/>
      <c r="F66" s="222"/>
      <c r="G66" s="169"/>
      <c r="H66" s="44"/>
      <c r="I66" s="169"/>
      <c r="J66" s="44"/>
      <c r="K66" s="192"/>
      <c r="L66" s="169"/>
      <c r="M66" s="191"/>
      <c r="N66" s="45"/>
      <c r="O66" s="168"/>
      <c r="P66" s="168"/>
      <c r="Q66" s="41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40"/>
      <c r="B67" s="194"/>
      <c r="C67" s="169"/>
      <c r="D67" s="193"/>
      <c r="E67" s="169"/>
      <c r="F67" s="170"/>
      <c r="G67" s="169"/>
      <c r="H67" s="44"/>
      <c r="I67" s="169"/>
      <c r="J67" s="44"/>
      <c r="K67" s="192"/>
      <c r="L67" s="169"/>
      <c r="M67" s="191"/>
      <c r="N67" s="45"/>
      <c r="O67" s="168"/>
      <c r="P67" s="227" t="s">
        <v>666</v>
      </c>
      <c r="Q67" s="221" t="s">
        <v>665</v>
      </c>
      <c r="R67" s="162"/>
      <c r="S67" s="167"/>
      <c r="T67" s="196"/>
      <c r="U67" s="167"/>
      <c r="V67" s="69"/>
      <c r="W67" s="70"/>
      <c r="X67" s="70"/>
      <c r="Y67" s="70"/>
      <c r="Z67" s="195" t="s">
        <v>1</v>
      </c>
      <c r="AA67" s="74"/>
      <c r="AB67" s="74"/>
      <c r="AC67" s="74"/>
      <c r="AD67" s="75"/>
      <c r="AE67" s="25"/>
      <c r="AF67" s="25"/>
      <c r="AG67" s="25"/>
      <c r="AH67" s="74"/>
      <c r="AI67" s="74"/>
      <c r="AJ67" s="74"/>
      <c r="AK67" s="74"/>
      <c r="AL67" s="75"/>
      <c r="AM67" s="25"/>
      <c r="AN67" s="25"/>
      <c r="AO67" s="32"/>
    </row>
    <row r="68" spans="1:41" s="59" customFormat="1" ht="9.75" customHeight="1">
      <c r="A68" s="40"/>
      <c r="B68" s="194"/>
      <c r="C68" s="169"/>
      <c r="D68" s="193"/>
      <c r="E68" s="169"/>
      <c r="F68" s="170"/>
      <c r="G68" s="169"/>
      <c r="H68" s="44"/>
      <c r="I68" s="169"/>
      <c r="J68" s="44"/>
      <c r="K68" s="192"/>
      <c r="L68" s="169"/>
      <c r="M68" s="191"/>
      <c r="N68" s="45"/>
      <c r="O68" s="168"/>
      <c r="P68" s="228"/>
      <c r="Q68" s="222"/>
      <c r="R68" s="169"/>
      <c r="S68" s="168" t="s">
        <v>670</v>
      </c>
      <c r="T68" s="190" t="s">
        <v>669</v>
      </c>
      <c r="U68" s="168"/>
      <c r="V68" s="44" t="s">
        <v>22</v>
      </c>
      <c r="W68" s="45" t="s">
        <v>22</v>
      </c>
      <c r="X68" s="45" t="s">
        <v>22</v>
      </c>
      <c r="Y68" s="45" t="s">
        <v>668</v>
      </c>
      <c r="Z68" s="189"/>
      <c r="AA68" s="33"/>
      <c r="AB68" s="33"/>
      <c r="AC68" s="33"/>
      <c r="AD68" s="34"/>
      <c r="AE68" s="35"/>
      <c r="AF68" s="35"/>
      <c r="AG68" s="35"/>
      <c r="AH68" s="33"/>
      <c r="AI68" s="33"/>
      <c r="AJ68" s="33"/>
      <c r="AK68" s="33"/>
      <c r="AL68" s="34"/>
      <c r="AM68" s="35"/>
      <c r="AN68" s="35"/>
      <c r="AO68" s="36"/>
    </row>
    <row r="69" spans="1:41" s="59" customFormat="1" ht="9.75" customHeight="1">
      <c r="A69" s="40"/>
      <c r="B69" s="194"/>
      <c r="C69" s="169"/>
      <c r="D69" s="193"/>
      <c r="E69" s="169"/>
      <c r="F69" s="170"/>
      <c r="G69" s="169"/>
      <c r="H69" s="44"/>
      <c r="I69" s="169"/>
      <c r="J69" s="44"/>
      <c r="K69" s="192"/>
      <c r="L69" s="169"/>
      <c r="M69" s="191"/>
      <c r="N69" s="45"/>
      <c r="O69" s="168"/>
      <c r="P69" s="229"/>
      <c r="Q69" s="223"/>
      <c r="R69" s="169"/>
      <c r="S69" s="168"/>
      <c r="T69" s="190"/>
      <c r="U69" s="168"/>
      <c r="V69" s="44"/>
      <c r="W69" s="45"/>
      <c r="X69" s="45"/>
      <c r="Y69" s="45"/>
      <c r="Z69" s="189"/>
      <c r="AA69" s="33"/>
      <c r="AB69" s="33"/>
      <c r="AC69" s="33"/>
      <c r="AD69" s="34"/>
      <c r="AE69" s="35"/>
      <c r="AF69" s="35"/>
      <c r="AG69" s="35"/>
      <c r="AH69" s="33"/>
      <c r="AI69" s="33"/>
      <c r="AJ69" s="33"/>
      <c r="AK69" s="33"/>
      <c r="AL69" s="34"/>
      <c r="AM69" s="35"/>
      <c r="AN69" s="35"/>
      <c r="AO69" s="36"/>
    </row>
    <row r="70" spans="1:41" s="59" customFormat="1" ht="9.75" customHeight="1">
      <c r="A70" s="40"/>
      <c r="B70" s="193"/>
      <c r="C70" s="169"/>
      <c r="D70" s="170"/>
      <c r="E70" s="218" t="s">
        <v>26</v>
      </c>
      <c r="F70" s="221" t="s">
        <v>667</v>
      </c>
      <c r="G70" s="162"/>
      <c r="H70" s="69"/>
      <c r="I70" s="162"/>
      <c r="J70" s="69"/>
      <c r="K70" s="198"/>
      <c r="L70" s="162"/>
      <c r="M70" s="197"/>
      <c r="N70" s="70"/>
      <c r="O70" s="167"/>
      <c r="P70" s="167"/>
      <c r="Q70" s="68"/>
      <c r="R70" s="162"/>
      <c r="S70" s="167"/>
      <c r="T70" s="196"/>
      <c r="U70" s="167"/>
      <c r="V70" s="69"/>
      <c r="W70" s="70"/>
      <c r="X70" s="70"/>
      <c r="Y70" s="70"/>
      <c r="Z70" s="195" t="s">
        <v>1</v>
      </c>
      <c r="AA70" s="74"/>
      <c r="AB70" s="74"/>
      <c r="AC70" s="74"/>
      <c r="AD70" s="75"/>
      <c r="AE70" s="25"/>
      <c r="AF70" s="25"/>
      <c r="AG70" s="25"/>
      <c r="AH70" s="74"/>
      <c r="AI70" s="74"/>
      <c r="AJ70" s="74"/>
      <c r="AK70" s="74"/>
      <c r="AL70" s="75"/>
      <c r="AM70" s="25"/>
      <c r="AN70" s="25"/>
      <c r="AO70" s="32"/>
    </row>
    <row r="71" spans="1:41" s="59" customFormat="1" ht="9.75" customHeight="1">
      <c r="A71" s="40"/>
      <c r="B71" s="193"/>
      <c r="C71" s="169"/>
      <c r="D71" s="193"/>
      <c r="E71" s="219"/>
      <c r="F71" s="222"/>
      <c r="G71" s="169"/>
      <c r="H71" s="44" t="s">
        <v>664</v>
      </c>
      <c r="I71" s="169"/>
      <c r="J71" s="44" t="s">
        <v>22</v>
      </c>
      <c r="K71" s="192" t="s">
        <v>22</v>
      </c>
      <c r="L71" s="169"/>
      <c r="M71" s="191" t="s">
        <v>22</v>
      </c>
      <c r="N71" s="45" t="s">
        <v>664</v>
      </c>
      <c r="O71" s="168"/>
      <c r="P71" s="168"/>
      <c r="Q71" s="41"/>
      <c r="R71" s="169"/>
      <c r="S71" s="168"/>
      <c r="T71" s="190" t="s">
        <v>663</v>
      </c>
      <c r="U71" s="168"/>
      <c r="V71" s="44" t="s">
        <v>22</v>
      </c>
      <c r="W71" s="45" t="s">
        <v>22</v>
      </c>
      <c r="X71" s="45" t="s">
        <v>22</v>
      </c>
      <c r="Y71" s="45" t="s">
        <v>662</v>
      </c>
      <c r="Z71" s="189"/>
      <c r="AA71" s="33"/>
      <c r="AB71" s="33"/>
      <c r="AC71" s="33"/>
      <c r="AD71" s="34"/>
      <c r="AE71" s="35"/>
      <c r="AF71" s="35"/>
      <c r="AG71" s="35"/>
      <c r="AH71" s="33"/>
      <c r="AI71" s="33"/>
      <c r="AJ71" s="33"/>
      <c r="AK71" s="33"/>
      <c r="AL71" s="34"/>
      <c r="AM71" s="35"/>
      <c r="AN71" s="35"/>
      <c r="AO71" s="36"/>
    </row>
    <row r="72" spans="1:41" s="59" customFormat="1" ht="9.75" customHeight="1">
      <c r="A72" s="40"/>
      <c r="B72" s="193"/>
      <c r="C72" s="169"/>
      <c r="D72" s="193"/>
      <c r="E72" s="219"/>
      <c r="F72" s="222"/>
      <c r="G72" s="169"/>
      <c r="H72" s="44"/>
      <c r="I72" s="169"/>
      <c r="J72" s="44"/>
      <c r="K72" s="192"/>
      <c r="L72" s="169"/>
      <c r="M72" s="191"/>
      <c r="N72" s="45"/>
      <c r="O72" s="168"/>
      <c r="P72" s="168"/>
      <c r="Q72" s="41"/>
      <c r="R72" s="169"/>
      <c r="S72" s="168"/>
      <c r="T72" s="190"/>
      <c r="U72" s="168"/>
      <c r="V72" s="44"/>
      <c r="W72" s="45"/>
      <c r="X72" s="45"/>
      <c r="Y72" s="45"/>
      <c r="Z72" s="189"/>
      <c r="AA72" s="33"/>
      <c r="AB72" s="33"/>
      <c r="AC72" s="33"/>
      <c r="AD72" s="34"/>
      <c r="AE72" s="35"/>
      <c r="AF72" s="35"/>
      <c r="AG72" s="35"/>
      <c r="AH72" s="33"/>
      <c r="AI72" s="33"/>
      <c r="AJ72" s="33"/>
      <c r="AK72" s="33"/>
      <c r="AL72" s="34"/>
      <c r="AM72" s="35"/>
      <c r="AN72" s="35"/>
      <c r="AO72" s="36"/>
    </row>
    <row r="73" spans="1:41" s="59" customFormat="1" ht="9.75" customHeight="1">
      <c r="A73" s="40"/>
      <c r="B73" s="194"/>
      <c r="C73" s="169"/>
      <c r="D73" s="193"/>
      <c r="E73" s="169"/>
      <c r="F73" s="170"/>
      <c r="G73" s="169"/>
      <c r="H73" s="44"/>
      <c r="I73" s="169"/>
      <c r="J73" s="44"/>
      <c r="K73" s="192"/>
      <c r="L73" s="169"/>
      <c r="M73" s="191"/>
      <c r="N73" s="45"/>
      <c r="O73" s="168"/>
      <c r="P73" s="227" t="s">
        <v>666</v>
      </c>
      <c r="Q73" s="221" t="s">
        <v>665</v>
      </c>
      <c r="R73" s="162"/>
      <c r="S73" s="167"/>
      <c r="T73" s="196"/>
      <c r="U73" s="167"/>
      <c r="V73" s="69"/>
      <c r="W73" s="70"/>
      <c r="X73" s="70"/>
      <c r="Y73" s="70"/>
      <c r="Z73" s="195" t="s">
        <v>1</v>
      </c>
      <c r="AA73" s="74"/>
      <c r="AB73" s="74"/>
      <c r="AC73" s="74"/>
      <c r="AD73" s="75"/>
      <c r="AE73" s="25"/>
      <c r="AF73" s="25"/>
      <c r="AG73" s="25"/>
      <c r="AH73" s="74"/>
      <c r="AI73" s="74"/>
      <c r="AJ73" s="74"/>
      <c r="AK73" s="74"/>
      <c r="AL73" s="75"/>
      <c r="AM73" s="25"/>
      <c r="AN73" s="25"/>
      <c r="AO73" s="32"/>
    </row>
    <row r="74" spans="1:41" s="59" customFormat="1" ht="9.75" customHeight="1">
      <c r="A74" s="40"/>
      <c r="B74" s="194"/>
      <c r="C74" s="169"/>
      <c r="D74" s="193"/>
      <c r="E74" s="169"/>
      <c r="F74" s="170"/>
      <c r="G74" s="169"/>
      <c r="H74" s="44"/>
      <c r="I74" s="169"/>
      <c r="J74" s="44"/>
      <c r="K74" s="192"/>
      <c r="L74" s="169"/>
      <c r="M74" s="191"/>
      <c r="N74" s="45"/>
      <c r="O74" s="168"/>
      <c r="P74" s="228"/>
      <c r="Q74" s="222"/>
      <c r="R74" s="169"/>
      <c r="S74" s="168" t="s">
        <v>664</v>
      </c>
      <c r="T74" s="190" t="s">
        <v>663</v>
      </c>
      <c r="U74" s="168"/>
      <c r="V74" s="44" t="s">
        <v>22</v>
      </c>
      <c r="W74" s="45" t="s">
        <v>22</v>
      </c>
      <c r="X74" s="45" t="s">
        <v>22</v>
      </c>
      <c r="Y74" s="45" t="s">
        <v>662</v>
      </c>
      <c r="Z74" s="189"/>
      <c r="AA74" s="33"/>
      <c r="AB74" s="33"/>
      <c r="AC74" s="33"/>
      <c r="AD74" s="34"/>
      <c r="AE74" s="35"/>
      <c r="AF74" s="35"/>
      <c r="AG74" s="35"/>
      <c r="AH74" s="33"/>
      <c r="AI74" s="33"/>
      <c r="AJ74" s="33"/>
      <c r="AK74" s="33"/>
      <c r="AL74" s="34"/>
      <c r="AM74" s="35"/>
      <c r="AN74" s="35"/>
      <c r="AO74" s="36"/>
    </row>
    <row r="75" spans="1:41" s="59" customFormat="1" ht="9.75" customHeight="1">
      <c r="A75" s="40"/>
      <c r="B75" s="194"/>
      <c r="C75" s="169"/>
      <c r="D75" s="193"/>
      <c r="E75" s="169"/>
      <c r="F75" s="170"/>
      <c r="G75" s="169"/>
      <c r="H75" s="44"/>
      <c r="I75" s="169"/>
      <c r="J75" s="44"/>
      <c r="K75" s="192"/>
      <c r="L75" s="169"/>
      <c r="M75" s="191"/>
      <c r="N75" s="45"/>
      <c r="O75" s="168"/>
      <c r="P75" s="229"/>
      <c r="Q75" s="223"/>
      <c r="R75" s="169"/>
      <c r="S75" s="168"/>
      <c r="T75" s="190"/>
      <c r="U75" s="168"/>
      <c r="V75" s="44"/>
      <c r="W75" s="45"/>
      <c r="X75" s="45"/>
      <c r="Y75" s="45"/>
      <c r="Z75" s="189"/>
      <c r="AA75" s="33"/>
      <c r="AB75" s="33"/>
      <c r="AC75" s="33"/>
      <c r="AD75" s="34"/>
      <c r="AE75" s="35"/>
      <c r="AF75" s="35"/>
      <c r="AG75" s="35"/>
      <c r="AH75" s="33"/>
      <c r="AI75" s="33"/>
      <c r="AJ75" s="33"/>
      <c r="AK75" s="33"/>
      <c r="AL75" s="34"/>
      <c r="AM75" s="35"/>
      <c r="AN75" s="35"/>
      <c r="AO75" s="36"/>
    </row>
    <row r="76" spans="1:41" s="59" customFormat="1" ht="9.75" customHeight="1">
      <c r="A76" s="76"/>
      <c r="B76" s="188"/>
      <c r="C76" s="167"/>
      <c r="D76" s="188"/>
      <c r="E76" s="167"/>
      <c r="F76" s="68"/>
      <c r="G76" s="103"/>
      <c r="H76" s="104"/>
      <c r="I76" s="103"/>
      <c r="J76" s="104"/>
      <c r="K76" s="187"/>
      <c r="L76" s="103"/>
      <c r="M76" s="186"/>
      <c r="N76" s="105"/>
      <c r="O76" s="106"/>
      <c r="P76" s="106"/>
      <c r="Q76" s="65"/>
      <c r="R76" s="103"/>
      <c r="S76" s="106"/>
      <c r="T76" s="185"/>
      <c r="U76" s="106"/>
      <c r="V76" s="104"/>
      <c r="W76" s="105"/>
      <c r="X76" s="105"/>
      <c r="Y76" s="105"/>
      <c r="Z76" s="184" t="s">
        <v>661</v>
      </c>
      <c r="AA76" s="109"/>
      <c r="AB76" s="109"/>
      <c r="AC76" s="109"/>
      <c r="AD76" s="110"/>
      <c r="AE76" s="111"/>
      <c r="AF76" s="111"/>
      <c r="AG76" s="111"/>
      <c r="AH76" s="109"/>
      <c r="AI76" s="109"/>
      <c r="AJ76" s="109"/>
      <c r="AK76" s="109"/>
      <c r="AL76" s="110"/>
      <c r="AM76" s="111"/>
      <c r="AN76" s="111"/>
      <c r="AO76" s="112"/>
    </row>
    <row r="77" spans="1:41" s="59" customFormat="1" ht="9.75" customHeight="1">
      <c r="A77" s="248" t="s">
        <v>660</v>
      </c>
      <c r="B77" s="249"/>
      <c r="C77" s="250"/>
      <c r="D77" s="250"/>
      <c r="E77" s="250"/>
      <c r="F77" s="236"/>
      <c r="G77" s="273" t="s">
        <v>105</v>
      </c>
      <c r="H77" s="274"/>
      <c r="I77" s="52"/>
      <c r="J77" s="53" t="s">
        <v>22</v>
      </c>
      <c r="K77" s="54" t="s">
        <v>106</v>
      </c>
      <c r="L77" s="52"/>
      <c r="M77" s="53" t="s">
        <v>22</v>
      </c>
      <c r="N77" s="183" t="s">
        <v>107</v>
      </c>
      <c r="O77" s="182"/>
      <c r="P77" s="55"/>
      <c r="Q77" s="56"/>
      <c r="R77" s="52"/>
      <c r="S77" s="55"/>
      <c r="T77" s="181" t="s">
        <v>659</v>
      </c>
      <c r="U77" s="55"/>
      <c r="V77" s="53" t="s">
        <v>22</v>
      </c>
      <c r="W77" s="54" t="s">
        <v>658</v>
      </c>
      <c r="X77" s="53" t="s">
        <v>22</v>
      </c>
      <c r="Y77" s="54" t="s">
        <v>657</v>
      </c>
      <c r="Z77" s="180"/>
      <c r="AA77" s="61"/>
      <c r="AB77" s="61"/>
      <c r="AC77" s="61"/>
      <c r="AD77" s="61"/>
      <c r="AE77" s="62"/>
      <c r="AF77" s="62"/>
      <c r="AG77" s="62"/>
      <c r="AH77" s="60"/>
      <c r="AI77" s="60"/>
      <c r="AJ77" s="60"/>
      <c r="AK77" s="60"/>
      <c r="AL77" s="61"/>
      <c r="AM77" s="61"/>
      <c r="AN77" s="61"/>
      <c r="AO77" s="63" t="s">
        <v>656</v>
      </c>
    </row>
    <row r="78" spans="1:41" s="59" customFormat="1" ht="9.75" customHeight="1">
      <c r="A78" s="77"/>
      <c r="B78" s="179"/>
      <c r="C78" s="82"/>
      <c r="D78" s="179"/>
      <c r="E78" s="82"/>
      <c r="F78" s="78"/>
      <c r="G78" s="79"/>
      <c r="H78" s="80"/>
      <c r="I78" s="79"/>
      <c r="J78" s="80"/>
      <c r="K78" s="178"/>
      <c r="L78" s="79"/>
      <c r="M78" s="177"/>
      <c r="N78" s="81"/>
      <c r="O78" s="82"/>
      <c r="P78" s="82"/>
      <c r="Q78" s="78"/>
      <c r="R78" s="79"/>
      <c r="S78" s="82"/>
      <c r="T78" s="176"/>
      <c r="U78" s="82"/>
      <c r="V78" s="80"/>
      <c r="W78" s="81"/>
      <c r="X78" s="81"/>
      <c r="Y78" s="81"/>
      <c r="Z78" s="175"/>
      <c r="AA78" s="117"/>
      <c r="AB78" s="117"/>
      <c r="AC78" s="117"/>
      <c r="AD78" s="118"/>
      <c r="AE78" s="119"/>
      <c r="AF78" s="119"/>
      <c r="AG78" s="119"/>
      <c r="AH78" s="117"/>
      <c r="AI78" s="117"/>
      <c r="AJ78" s="117"/>
      <c r="AK78" s="117"/>
      <c r="AL78" s="118"/>
      <c r="AM78" s="119"/>
      <c r="AN78" s="119"/>
      <c r="AO78" s="120"/>
    </row>
    <row r="79" spans="1:41" ht="9.75" customHeight="1">
      <c r="A79" s="134"/>
      <c r="B79" s="135"/>
      <c r="C79" s="135"/>
      <c r="D79" s="135"/>
      <c r="E79" s="135"/>
      <c r="F79" s="135"/>
      <c r="G79" s="135"/>
      <c r="H79" s="135"/>
      <c r="I79" s="135"/>
      <c r="J79" s="135"/>
      <c r="K79" s="135"/>
      <c r="L79" s="135"/>
      <c r="M79" s="135"/>
      <c r="N79" s="135"/>
      <c r="O79" s="135"/>
      <c r="P79" s="135"/>
      <c r="Q79" s="135"/>
      <c r="R79" s="135"/>
      <c r="S79" s="135"/>
      <c r="T79" s="135"/>
      <c r="U79" s="135"/>
      <c r="V79" s="135"/>
      <c r="W79" s="135"/>
      <c r="X79" s="135"/>
      <c r="Y79" s="135"/>
      <c r="Z79" s="136"/>
      <c r="AA79" s="136"/>
      <c r="AB79" s="136"/>
      <c r="AC79" s="136"/>
      <c r="AD79" s="136"/>
      <c r="AE79" s="136"/>
      <c r="AF79" s="136"/>
      <c r="AG79" s="136"/>
      <c r="AH79" s="136"/>
      <c r="AI79" s="136"/>
      <c r="AJ79" s="136"/>
      <c r="AK79" s="136"/>
      <c r="AL79" s="136"/>
      <c r="AM79" s="136"/>
      <c r="AN79" s="136"/>
      <c r="AO79" s="137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67">
    <mergeCell ref="Q73:Q75"/>
    <mergeCell ref="P73:P75"/>
    <mergeCell ref="Q52:Q54"/>
    <mergeCell ref="P52:P54"/>
    <mergeCell ref="Q61:Q63"/>
    <mergeCell ref="P61:P63"/>
    <mergeCell ref="Q67:Q69"/>
    <mergeCell ref="P67:P69"/>
    <mergeCell ref="D46:D48"/>
    <mergeCell ref="C46:C48"/>
    <mergeCell ref="D55:D57"/>
    <mergeCell ref="C55:C57"/>
    <mergeCell ref="Q28:Q30"/>
    <mergeCell ref="P28:P30"/>
    <mergeCell ref="Q31:Q33"/>
    <mergeCell ref="P31:P33"/>
    <mergeCell ref="Q34:Q36"/>
    <mergeCell ref="P34:P36"/>
    <mergeCell ref="Q43:Q45"/>
    <mergeCell ref="P43:P45"/>
    <mergeCell ref="F40:F42"/>
    <mergeCell ref="E40:E42"/>
    <mergeCell ref="F49:F51"/>
    <mergeCell ref="E49:E51"/>
    <mergeCell ref="F70:F72"/>
    <mergeCell ref="E70:E72"/>
    <mergeCell ref="F58:F60"/>
    <mergeCell ref="E58:E60"/>
    <mergeCell ref="F64:F66"/>
    <mergeCell ref="E64:E66"/>
    <mergeCell ref="B10:B12"/>
    <mergeCell ref="A10:A12"/>
    <mergeCell ref="D13:D15"/>
    <mergeCell ref="C13:C15"/>
    <mergeCell ref="F16:F18"/>
    <mergeCell ref="E16:E18"/>
    <mergeCell ref="C37:C39"/>
    <mergeCell ref="Q10:Q12"/>
    <mergeCell ref="P10:P12"/>
    <mergeCell ref="Q19:Q21"/>
    <mergeCell ref="R7:S8"/>
    <mergeCell ref="P19:P21"/>
    <mergeCell ref="Q22:Q24"/>
    <mergeCell ref="P22:P24"/>
    <mergeCell ref="Q25:Q27"/>
    <mergeCell ref="P25:P27"/>
    <mergeCell ref="T5:T8"/>
    <mergeCell ref="U5:X5"/>
    <mergeCell ref="X6:X8"/>
    <mergeCell ref="P7:Q8"/>
    <mergeCell ref="D37:D39"/>
    <mergeCell ref="A77:F77"/>
    <mergeCell ref="G77:H77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24" pageOrder="overThenDown" orientation="portrait" useFirstPageNumber="1" r:id="rId1"/>
  <headerFooter>
    <oddFooter>&amp;C- &amp;P -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045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044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285</v>
      </c>
      <c r="I11" s="52"/>
      <c r="J11" s="53" t="s">
        <v>22</v>
      </c>
      <c r="K11" s="183" t="s">
        <v>22</v>
      </c>
      <c r="L11" s="52"/>
      <c r="M11" s="205" t="s">
        <v>22</v>
      </c>
      <c r="N11" s="54" t="s">
        <v>285</v>
      </c>
      <c r="O11" s="55"/>
      <c r="P11" s="228"/>
      <c r="Q11" s="294"/>
      <c r="R11" s="52"/>
      <c r="S11" s="55"/>
      <c r="T11" s="204" t="s">
        <v>1031</v>
      </c>
      <c r="U11" s="55"/>
      <c r="V11" s="53" t="s">
        <v>22</v>
      </c>
      <c r="W11" s="54" t="s">
        <v>22</v>
      </c>
      <c r="X11" s="54" t="s">
        <v>22</v>
      </c>
      <c r="Y11" s="54" t="s">
        <v>1030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042</v>
      </c>
      <c r="I14" s="169"/>
      <c r="J14" s="44" t="s">
        <v>22</v>
      </c>
      <c r="K14" s="192" t="s">
        <v>22</v>
      </c>
      <c r="L14" s="169"/>
      <c r="M14" s="191" t="s">
        <v>22</v>
      </c>
      <c r="N14" s="45" t="s">
        <v>1042</v>
      </c>
      <c r="O14" s="168"/>
      <c r="P14" s="168"/>
      <c r="Q14" s="170"/>
      <c r="R14" s="169"/>
      <c r="S14" s="168"/>
      <c r="T14" s="190" t="s">
        <v>1041</v>
      </c>
      <c r="U14" s="168"/>
      <c r="V14" s="44" t="s">
        <v>22</v>
      </c>
      <c r="W14" s="45" t="s">
        <v>22</v>
      </c>
      <c r="X14" s="45" t="s">
        <v>22</v>
      </c>
      <c r="Y14" s="45" t="s">
        <v>1040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1043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1042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1042</v>
      </c>
      <c r="O17" s="168"/>
      <c r="P17" s="168"/>
      <c r="Q17" s="170"/>
      <c r="R17" s="169"/>
      <c r="S17" s="168"/>
      <c r="T17" s="190" t="s">
        <v>1041</v>
      </c>
      <c r="U17" s="168"/>
      <c r="V17" s="44" t="s">
        <v>22</v>
      </c>
      <c r="W17" s="45" t="s">
        <v>22</v>
      </c>
      <c r="X17" s="45" t="s">
        <v>22</v>
      </c>
      <c r="Y17" s="45" t="s">
        <v>1040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042</v>
      </c>
      <c r="T20" s="190" t="s">
        <v>1041</v>
      </c>
      <c r="U20" s="168"/>
      <c r="V20" s="44" t="s">
        <v>22</v>
      </c>
      <c r="W20" s="45" t="s">
        <v>22</v>
      </c>
      <c r="X20" s="45" t="s">
        <v>22</v>
      </c>
      <c r="Y20" s="45" t="s">
        <v>1040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72"/>
      <c r="D21" s="203"/>
      <c r="E21" s="172"/>
      <c r="F21" s="90"/>
      <c r="G21" s="172"/>
      <c r="H21" s="92"/>
      <c r="I21" s="172"/>
      <c r="J21" s="92"/>
      <c r="K21" s="202"/>
      <c r="L21" s="172"/>
      <c r="M21" s="201"/>
      <c r="N21" s="48"/>
      <c r="O21" s="174"/>
      <c r="P21" s="229"/>
      <c r="Q21" s="223"/>
      <c r="R21" s="172"/>
      <c r="S21" s="174"/>
      <c r="T21" s="200"/>
      <c r="U21" s="174"/>
      <c r="V21" s="92"/>
      <c r="W21" s="48"/>
      <c r="X21" s="48"/>
      <c r="Y21" s="48"/>
      <c r="Z21" s="199"/>
      <c r="AA21" s="95"/>
      <c r="AB21" s="95"/>
      <c r="AC21" s="95"/>
      <c r="AD21" s="96"/>
      <c r="AE21" s="97"/>
      <c r="AF21" s="97"/>
      <c r="AG21" s="97"/>
      <c r="AH21" s="95"/>
      <c r="AI21" s="95"/>
      <c r="AJ21" s="95"/>
      <c r="AK21" s="95"/>
      <c r="AL21" s="96"/>
      <c r="AM21" s="97"/>
      <c r="AN21" s="97"/>
      <c r="AO21" s="98"/>
    </row>
    <row r="22" spans="1:41" s="59" customFormat="1" ht="9.75" customHeight="1">
      <c r="A22" s="40"/>
      <c r="B22" s="170"/>
      <c r="C22" s="218" t="s">
        <v>25</v>
      </c>
      <c r="D22" s="221" t="s">
        <v>816</v>
      </c>
      <c r="E22" s="162"/>
      <c r="F22" s="163"/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219"/>
      <c r="D23" s="222"/>
      <c r="E23" s="169"/>
      <c r="F23" s="170"/>
      <c r="G23" s="169"/>
      <c r="H23" s="44" t="s">
        <v>289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289</v>
      </c>
      <c r="O23" s="168"/>
      <c r="P23" s="168"/>
      <c r="Q23" s="41"/>
      <c r="R23" s="169"/>
      <c r="S23" s="168"/>
      <c r="T23" s="190" t="s">
        <v>290</v>
      </c>
      <c r="U23" s="168"/>
      <c r="V23" s="44" t="s">
        <v>22</v>
      </c>
      <c r="W23" s="45" t="s">
        <v>22</v>
      </c>
      <c r="X23" s="45" t="s">
        <v>22</v>
      </c>
      <c r="Y23" s="45" t="s">
        <v>1039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219"/>
      <c r="D24" s="222"/>
      <c r="E24" s="169"/>
      <c r="F24" s="170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70"/>
      <c r="E25" s="218" t="s">
        <v>21</v>
      </c>
      <c r="F25" s="221" t="s">
        <v>815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219"/>
      <c r="F26" s="222"/>
      <c r="G26" s="169"/>
      <c r="H26" s="44" t="s">
        <v>289</v>
      </c>
      <c r="I26" s="169"/>
      <c r="J26" s="44" t="s">
        <v>22</v>
      </c>
      <c r="K26" s="192" t="s">
        <v>22</v>
      </c>
      <c r="L26" s="169"/>
      <c r="M26" s="191" t="s">
        <v>22</v>
      </c>
      <c r="N26" s="45" t="s">
        <v>289</v>
      </c>
      <c r="O26" s="168"/>
      <c r="P26" s="168"/>
      <c r="Q26" s="170"/>
      <c r="R26" s="169"/>
      <c r="S26" s="168"/>
      <c r="T26" s="190" t="s">
        <v>290</v>
      </c>
      <c r="U26" s="168"/>
      <c r="V26" s="44" t="s">
        <v>22</v>
      </c>
      <c r="W26" s="45" t="s">
        <v>22</v>
      </c>
      <c r="X26" s="45" t="s">
        <v>22</v>
      </c>
      <c r="Y26" s="45" t="s">
        <v>1039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170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7</v>
      </c>
      <c r="Q28" s="221" t="s">
        <v>786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038</v>
      </c>
      <c r="T29" s="190" t="s">
        <v>1038</v>
      </c>
      <c r="U29" s="168"/>
      <c r="V29" s="44" t="s">
        <v>22</v>
      </c>
      <c r="W29" s="45" t="s">
        <v>22</v>
      </c>
      <c r="X29" s="45" t="s">
        <v>22</v>
      </c>
      <c r="Y29" s="45" t="s">
        <v>22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9</v>
      </c>
      <c r="Q31" s="221" t="s">
        <v>704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1037</v>
      </c>
      <c r="T32" s="190" t="s">
        <v>22</v>
      </c>
      <c r="U32" s="168"/>
      <c r="V32" s="44" t="s">
        <v>22</v>
      </c>
      <c r="W32" s="45" t="s">
        <v>22</v>
      </c>
      <c r="X32" s="45" t="s">
        <v>22</v>
      </c>
      <c r="Y32" s="45" t="s">
        <v>1037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79</v>
      </c>
      <c r="Q34" s="221" t="s">
        <v>699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036</v>
      </c>
      <c r="T35" s="190" t="s">
        <v>1035</v>
      </c>
      <c r="U35" s="168"/>
      <c r="V35" s="44" t="s">
        <v>22</v>
      </c>
      <c r="W35" s="45" t="s">
        <v>22</v>
      </c>
      <c r="X35" s="45" t="s">
        <v>22</v>
      </c>
      <c r="Y35" s="45" t="s">
        <v>1034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100</v>
      </c>
      <c r="Q37" s="230" t="s">
        <v>695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439</v>
      </c>
      <c r="T38" s="190" t="s">
        <v>208</v>
      </c>
      <c r="U38" s="168"/>
      <c r="V38" s="44" t="s">
        <v>22</v>
      </c>
      <c r="W38" s="45" t="s">
        <v>22</v>
      </c>
      <c r="X38" s="45" t="s">
        <v>22</v>
      </c>
      <c r="Y38" s="45" t="s">
        <v>1033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72"/>
      <c r="D39" s="203"/>
      <c r="E39" s="172"/>
      <c r="F39" s="90"/>
      <c r="G39" s="172"/>
      <c r="H39" s="92"/>
      <c r="I39" s="172"/>
      <c r="J39" s="92"/>
      <c r="K39" s="202"/>
      <c r="L39" s="172"/>
      <c r="M39" s="201"/>
      <c r="N39" s="48"/>
      <c r="O39" s="174"/>
      <c r="P39" s="229"/>
      <c r="Q39" s="223"/>
      <c r="R39" s="172"/>
      <c r="S39" s="174"/>
      <c r="T39" s="200"/>
      <c r="U39" s="174"/>
      <c r="V39" s="92"/>
      <c r="W39" s="48"/>
      <c r="X39" s="48"/>
      <c r="Y39" s="48"/>
      <c r="Z39" s="199"/>
      <c r="AA39" s="95"/>
      <c r="AB39" s="95"/>
      <c r="AC39" s="95"/>
      <c r="AD39" s="96"/>
      <c r="AE39" s="97"/>
      <c r="AF39" s="97"/>
      <c r="AG39" s="97"/>
      <c r="AH39" s="95"/>
      <c r="AI39" s="95"/>
      <c r="AJ39" s="95"/>
      <c r="AK39" s="95"/>
      <c r="AL39" s="96"/>
      <c r="AM39" s="97"/>
      <c r="AN39" s="97"/>
      <c r="AO39" s="98"/>
    </row>
    <row r="40" spans="1:41" s="59" customFormat="1" ht="9.75" customHeight="1">
      <c r="A40" s="40"/>
      <c r="B40" s="170"/>
      <c r="C40" s="218" t="s">
        <v>26</v>
      </c>
      <c r="D40" s="221" t="s">
        <v>757</v>
      </c>
      <c r="E40" s="162"/>
      <c r="F40" s="163"/>
      <c r="G40" s="162"/>
      <c r="H40" s="69"/>
      <c r="I40" s="162"/>
      <c r="J40" s="69"/>
      <c r="K40" s="198"/>
      <c r="L40" s="162"/>
      <c r="M40" s="197"/>
      <c r="N40" s="70"/>
      <c r="O40" s="167"/>
      <c r="P40" s="167"/>
      <c r="Q40" s="68"/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3"/>
      <c r="C41" s="219"/>
      <c r="D41" s="222"/>
      <c r="E41" s="169"/>
      <c r="F41" s="170"/>
      <c r="G41" s="169"/>
      <c r="H41" s="44" t="s">
        <v>1032</v>
      </c>
      <c r="I41" s="169"/>
      <c r="J41" s="44" t="s">
        <v>22</v>
      </c>
      <c r="K41" s="192" t="s">
        <v>22</v>
      </c>
      <c r="L41" s="169"/>
      <c r="M41" s="191" t="s">
        <v>22</v>
      </c>
      <c r="N41" s="45" t="s">
        <v>1032</v>
      </c>
      <c r="O41" s="168"/>
      <c r="P41" s="168"/>
      <c r="Q41" s="41"/>
      <c r="R41" s="169"/>
      <c r="S41" s="168"/>
      <c r="T41" s="190" t="s">
        <v>22</v>
      </c>
      <c r="U41" s="168"/>
      <c r="V41" s="44" t="s">
        <v>22</v>
      </c>
      <c r="W41" s="45" t="s">
        <v>22</v>
      </c>
      <c r="X41" s="45" t="s">
        <v>22</v>
      </c>
      <c r="Y41" s="45" t="s">
        <v>1032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3"/>
      <c r="C42" s="219"/>
      <c r="D42" s="222"/>
      <c r="E42" s="169"/>
      <c r="F42" s="170"/>
      <c r="G42" s="169"/>
      <c r="H42" s="44"/>
      <c r="I42" s="169"/>
      <c r="J42" s="44"/>
      <c r="K42" s="192"/>
      <c r="L42" s="169"/>
      <c r="M42" s="191"/>
      <c r="N42" s="45"/>
      <c r="O42" s="168"/>
      <c r="P42" s="168"/>
      <c r="Q42" s="41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70"/>
      <c r="E43" s="218" t="s">
        <v>21</v>
      </c>
      <c r="F43" s="221" t="s">
        <v>757</v>
      </c>
      <c r="G43" s="162"/>
      <c r="H43" s="69"/>
      <c r="I43" s="162"/>
      <c r="J43" s="69"/>
      <c r="K43" s="198"/>
      <c r="L43" s="162"/>
      <c r="M43" s="197"/>
      <c r="N43" s="70"/>
      <c r="O43" s="167"/>
      <c r="P43" s="167"/>
      <c r="Q43" s="68"/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3"/>
      <c r="E44" s="219"/>
      <c r="F44" s="222"/>
      <c r="G44" s="169"/>
      <c r="H44" s="44" t="s">
        <v>1032</v>
      </c>
      <c r="I44" s="169"/>
      <c r="J44" s="44" t="s">
        <v>22</v>
      </c>
      <c r="K44" s="192" t="s">
        <v>22</v>
      </c>
      <c r="L44" s="169"/>
      <c r="M44" s="191" t="s">
        <v>22</v>
      </c>
      <c r="N44" s="45" t="s">
        <v>1032</v>
      </c>
      <c r="O44" s="168"/>
      <c r="P44" s="168"/>
      <c r="Q44" s="170"/>
      <c r="R44" s="169"/>
      <c r="S44" s="168"/>
      <c r="T44" s="190" t="s">
        <v>22</v>
      </c>
      <c r="U44" s="168"/>
      <c r="V44" s="44" t="s">
        <v>22</v>
      </c>
      <c r="W44" s="45" t="s">
        <v>22</v>
      </c>
      <c r="X44" s="45" t="s">
        <v>22</v>
      </c>
      <c r="Y44" s="45" t="s">
        <v>1032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3"/>
      <c r="E45" s="219"/>
      <c r="F45" s="222"/>
      <c r="G45" s="169"/>
      <c r="H45" s="44"/>
      <c r="I45" s="169"/>
      <c r="J45" s="44"/>
      <c r="K45" s="192"/>
      <c r="L45" s="169"/>
      <c r="M45" s="191"/>
      <c r="N45" s="45"/>
      <c r="O45" s="168"/>
      <c r="P45" s="168"/>
      <c r="Q45" s="170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76"/>
      <c r="B46" s="188"/>
      <c r="C46" s="167"/>
      <c r="D46" s="188"/>
      <c r="E46" s="167"/>
      <c r="F46" s="68"/>
      <c r="G46" s="103"/>
      <c r="H46" s="104"/>
      <c r="I46" s="103"/>
      <c r="J46" s="104"/>
      <c r="K46" s="187"/>
      <c r="L46" s="103"/>
      <c r="M46" s="186"/>
      <c r="N46" s="105"/>
      <c r="O46" s="106"/>
      <c r="P46" s="106"/>
      <c r="Q46" s="65"/>
      <c r="R46" s="103"/>
      <c r="S46" s="106"/>
      <c r="T46" s="185"/>
      <c r="U46" s="106"/>
      <c r="V46" s="104"/>
      <c r="W46" s="105"/>
      <c r="X46" s="105"/>
      <c r="Y46" s="105"/>
      <c r="Z46" s="184" t="s">
        <v>1</v>
      </c>
      <c r="AA46" s="109"/>
      <c r="AB46" s="109"/>
      <c r="AC46" s="109"/>
      <c r="AD46" s="110"/>
      <c r="AE46" s="111"/>
      <c r="AF46" s="111"/>
      <c r="AG46" s="111"/>
      <c r="AH46" s="109"/>
      <c r="AI46" s="109"/>
      <c r="AJ46" s="109"/>
      <c r="AK46" s="109"/>
      <c r="AL46" s="110"/>
      <c r="AM46" s="111"/>
      <c r="AN46" s="111"/>
      <c r="AO46" s="112"/>
    </row>
    <row r="47" spans="1:41" s="59" customFormat="1" ht="9.75" customHeight="1">
      <c r="A47" s="248" t="s">
        <v>660</v>
      </c>
      <c r="B47" s="249"/>
      <c r="C47" s="250"/>
      <c r="D47" s="250"/>
      <c r="E47" s="250"/>
      <c r="F47" s="236"/>
      <c r="G47" s="273" t="s">
        <v>285</v>
      </c>
      <c r="H47" s="274"/>
      <c r="I47" s="52"/>
      <c r="J47" s="53" t="s">
        <v>22</v>
      </c>
      <c r="K47" s="54" t="s">
        <v>22</v>
      </c>
      <c r="L47" s="52"/>
      <c r="M47" s="53" t="s">
        <v>22</v>
      </c>
      <c r="N47" s="183" t="s">
        <v>285</v>
      </c>
      <c r="O47" s="182"/>
      <c r="P47" s="55"/>
      <c r="Q47" s="56"/>
      <c r="R47" s="52"/>
      <c r="S47" s="55"/>
      <c r="T47" s="181" t="s">
        <v>1031</v>
      </c>
      <c r="U47" s="55"/>
      <c r="V47" s="53" t="s">
        <v>22</v>
      </c>
      <c r="W47" s="54" t="s">
        <v>22</v>
      </c>
      <c r="X47" s="53" t="s">
        <v>22</v>
      </c>
      <c r="Y47" s="54" t="s">
        <v>1030</v>
      </c>
      <c r="Z47" s="180"/>
      <c r="AA47" s="61"/>
      <c r="AB47" s="61"/>
      <c r="AC47" s="61"/>
      <c r="AD47" s="61"/>
      <c r="AE47" s="62"/>
      <c r="AF47" s="62"/>
      <c r="AG47" s="62"/>
      <c r="AH47" s="60"/>
      <c r="AI47" s="60"/>
      <c r="AJ47" s="60"/>
      <c r="AK47" s="60"/>
      <c r="AL47" s="61"/>
      <c r="AM47" s="61"/>
      <c r="AN47" s="61"/>
      <c r="AO47" s="63"/>
    </row>
    <row r="48" spans="1:41" s="59" customFormat="1" ht="9.75" customHeight="1">
      <c r="A48" s="77"/>
      <c r="B48" s="179"/>
      <c r="C48" s="82"/>
      <c r="D48" s="179"/>
      <c r="E48" s="82"/>
      <c r="F48" s="78"/>
      <c r="G48" s="79"/>
      <c r="H48" s="80"/>
      <c r="I48" s="79"/>
      <c r="J48" s="80"/>
      <c r="K48" s="178"/>
      <c r="L48" s="79"/>
      <c r="M48" s="177"/>
      <c r="N48" s="81"/>
      <c r="O48" s="82"/>
      <c r="P48" s="82"/>
      <c r="Q48" s="78"/>
      <c r="R48" s="79"/>
      <c r="S48" s="82"/>
      <c r="T48" s="176"/>
      <c r="U48" s="82"/>
      <c r="V48" s="80"/>
      <c r="W48" s="81"/>
      <c r="X48" s="81"/>
      <c r="Y48" s="81"/>
      <c r="Z48" s="175"/>
      <c r="AA48" s="117"/>
      <c r="AB48" s="117"/>
      <c r="AC48" s="117"/>
      <c r="AD48" s="118"/>
      <c r="AE48" s="119"/>
      <c r="AF48" s="119"/>
      <c r="AG48" s="119"/>
      <c r="AH48" s="117"/>
      <c r="AI48" s="117"/>
      <c r="AJ48" s="117"/>
      <c r="AK48" s="117"/>
      <c r="AL48" s="118"/>
      <c r="AM48" s="119"/>
      <c r="AN48" s="119"/>
      <c r="AO48" s="120"/>
    </row>
    <row r="49" spans="1:41" ht="9.75" customHeight="1">
      <c r="A49" s="134"/>
      <c r="B49" s="135"/>
      <c r="C49" s="135"/>
      <c r="D49" s="135"/>
      <c r="E49" s="135"/>
      <c r="F49" s="135"/>
      <c r="G49" s="135"/>
      <c r="H49" s="135"/>
      <c r="I49" s="135"/>
      <c r="J49" s="135"/>
      <c r="K49" s="135"/>
      <c r="L49" s="135"/>
      <c r="M49" s="135"/>
      <c r="N49" s="135"/>
      <c r="O49" s="135"/>
      <c r="P49" s="135"/>
      <c r="Q49" s="135"/>
      <c r="R49" s="135"/>
      <c r="S49" s="135"/>
      <c r="T49" s="135"/>
      <c r="U49" s="135"/>
      <c r="V49" s="135"/>
      <c r="W49" s="135"/>
      <c r="X49" s="135"/>
      <c r="Y49" s="135"/>
      <c r="Z49" s="136"/>
      <c r="AA49" s="136"/>
      <c r="AB49" s="136"/>
      <c r="AC49" s="136"/>
      <c r="AD49" s="136"/>
      <c r="AE49" s="136"/>
      <c r="AF49" s="136"/>
      <c r="AG49" s="136"/>
      <c r="AH49" s="136"/>
      <c r="AI49" s="136"/>
      <c r="AJ49" s="136"/>
      <c r="AK49" s="136"/>
      <c r="AL49" s="136"/>
      <c r="AM49" s="136"/>
      <c r="AN49" s="136"/>
      <c r="AO49" s="137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7">
    <mergeCell ref="E43:E45"/>
    <mergeCell ref="Q10:Q12"/>
    <mergeCell ref="P10:P12"/>
    <mergeCell ref="Q19:Q21"/>
    <mergeCell ref="P19:P21"/>
    <mergeCell ref="Q28:Q30"/>
    <mergeCell ref="P28:P30"/>
    <mergeCell ref="Q31:Q33"/>
    <mergeCell ref="P31:P33"/>
    <mergeCell ref="Q34:Q36"/>
    <mergeCell ref="P34:P36"/>
    <mergeCell ref="Q37:Q39"/>
    <mergeCell ref="P37:P39"/>
    <mergeCell ref="F43:F45"/>
    <mergeCell ref="F16:F18"/>
    <mergeCell ref="E16:E18"/>
    <mergeCell ref="F25:F27"/>
    <mergeCell ref="E25:E27"/>
    <mergeCell ref="D22:D24"/>
    <mergeCell ref="B10:B12"/>
    <mergeCell ref="A10:A12"/>
    <mergeCell ref="D13:D15"/>
    <mergeCell ref="C13:C15"/>
    <mergeCell ref="D40:D42"/>
    <mergeCell ref="C40:C42"/>
    <mergeCell ref="C22:C24"/>
    <mergeCell ref="T5:T8"/>
    <mergeCell ref="U5:X5"/>
    <mergeCell ref="X6:X8"/>
    <mergeCell ref="P7:Q8"/>
    <mergeCell ref="R7:S8"/>
    <mergeCell ref="A47:F47"/>
    <mergeCell ref="G47:H47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64" pageOrder="overThenDown" orientation="portrait" useFirstPageNumber="1" r:id="rId1"/>
  <headerFooter>
    <oddFooter>&amp;C- &amp;P -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294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622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44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4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295</v>
      </c>
      <c r="I12" s="52" t="s">
        <v>23</v>
      </c>
      <c r="J12" s="53" t="s">
        <v>296</v>
      </c>
      <c r="K12" s="54" t="s">
        <v>22</v>
      </c>
      <c r="L12" s="54" t="s">
        <v>297</v>
      </c>
      <c r="M12" s="55"/>
      <c r="N12" s="55"/>
      <c r="O12" s="56"/>
      <c r="P12" s="52"/>
      <c r="Q12" s="53"/>
      <c r="R12" s="52" t="s">
        <v>298</v>
      </c>
      <c r="S12" s="57"/>
      <c r="T12" s="58" t="s">
        <v>298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52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99</v>
      </c>
      <c r="I15" s="43" t="s">
        <v>23</v>
      </c>
      <c r="J15" s="44" t="s">
        <v>296</v>
      </c>
      <c r="K15" s="45" t="s">
        <v>22</v>
      </c>
      <c r="L15" s="45" t="s">
        <v>93</v>
      </c>
      <c r="M15" s="42"/>
      <c r="N15" s="42"/>
      <c r="O15" s="64"/>
      <c r="P15" s="43"/>
      <c r="Q15" s="44"/>
      <c r="R15" s="43" t="s">
        <v>298</v>
      </c>
      <c r="S15" s="46"/>
      <c r="T15" s="47" t="s">
        <v>298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53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99</v>
      </c>
      <c r="I18" s="43" t="s">
        <v>23</v>
      </c>
      <c r="J18" s="44" t="s">
        <v>296</v>
      </c>
      <c r="K18" s="45" t="s">
        <v>22</v>
      </c>
      <c r="L18" s="45" t="s">
        <v>93</v>
      </c>
      <c r="M18" s="42"/>
      <c r="N18" s="42"/>
      <c r="O18" s="64"/>
      <c r="P18" s="43"/>
      <c r="Q18" s="44"/>
      <c r="R18" s="43" t="s">
        <v>298</v>
      </c>
      <c r="S18" s="46"/>
      <c r="T18" s="47" t="s">
        <v>298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5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93</v>
      </c>
      <c r="R21" s="43" t="s">
        <v>298</v>
      </c>
      <c r="S21" s="46"/>
      <c r="T21" s="47" t="s">
        <v>298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82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38</v>
      </c>
      <c r="I24" s="43"/>
      <c r="J24" s="44" t="s">
        <v>22</v>
      </c>
      <c r="K24" s="45" t="s">
        <v>22</v>
      </c>
      <c r="L24" s="45" t="s">
        <v>38</v>
      </c>
      <c r="M24" s="42"/>
      <c r="N24" s="42"/>
      <c r="O24" s="41"/>
      <c r="P24" s="43"/>
      <c r="Q24" s="44"/>
      <c r="R24" s="43" t="s">
        <v>22</v>
      </c>
      <c r="S24" s="46"/>
      <c r="T24" s="47" t="s">
        <v>22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83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38</v>
      </c>
      <c r="I27" s="43"/>
      <c r="J27" s="44" t="s">
        <v>22</v>
      </c>
      <c r="K27" s="45" t="s">
        <v>22</v>
      </c>
      <c r="L27" s="45" t="s">
        <v>38</v>
      </c>
      <c r="M27" s="42"/>
      <c r="N27" s="42"/>
      <c r="O27" s="64"/>
      <c r="P27" s="43"/>
      <c r="Q27" s="44"/>
      <c r="R27" s="43" t="s">
        <v>22</v>
      </c>
      <c r="S27" s="46"/>
      <c r="T27" s="47" t="s">
        <v>22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89"/>
      <c r="B28" s="90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76"/>
      <c r="B29" s="115"/>
      <c r="C29" s="115"/>
      <c r="D29" s="115"/>
      <c r="E29" s="115"/>
      <c r="F29" s="115"/>
      <c r="G29" s="103"/>
      <c r="H29" s="104"/>
      <c r="I29" s="103"/>
      <c r="J29" s="104"/>
      <c r="K29" s="105"/>
      <c r="L29" s="105"/>
      <c r="M29" s="106"/>
      <c r="N29" s="106"/>
      <c r="O29" s="65"/>
      <c r="P29" s="103"/>
      <c r="Q29" s="104"/>
      <c r="R29" s="103"/>
      <c r="S29" s="107"/>
      <c r="T29" s="108"/>
      <c r="U29" s="104"/>
      <c r="V29" s="103"/>
      <c r="W29" s="104"/>
      <c r="X29" s="109" t="s">
        <v>1</v>
      </c>
      <c r="Y29" s="109"/>
      <c r="Z29" s="109"/>
      <c r="AA29" s="109"/>
      <c r="AB29" s="110"/>
      <c r="AC29" s="110"/>
      <c r="AD29" s="110"/>
      <c r="AE29" s="110"/>
      <c r="AF29" s="110"/>
      <c r="AG29" s="110"/>
      <c r="AH29" s="110"/>
      <c r="AI29" s="110"/>
      <c r="AJ29" s="110"/>
      <c r="AK29" s="111"/>
      <c r="AL29" s="111"/>
      <c r="AM29" s="112"/>
    </row>
    <row r="30" spans="1:39" s="59" customFormat="1" ht="9.75" customHeight="1">
      <c r="A30" s="248" t="s">
        <v>19</v>
      </c>
      <c r="B30" s="249"/>
      <c r="C30" s="250"/>
      <c r="D30" s="250"/>
      <c r="E30" s="250"/>
      <c r="F30" s="236"/>
      <c r="G30" s="52"/>
      <c r="H30" s="53" t="s">
        <v>295</v>
      </c>
      <c r="I30" s="52" t="s">
        <v>23</v>
      </c>
      <c r="J30" s="53" t="s">
        <v>296</v>
      </c>
      <c r="K30" s="54" t="s">
        <v>22</v>
      </c>
      <c r="L30" s="54" t="s">
        <v>297</v>
      </c>
      <c r="M30" s="55"/>
      <c r="N30" s="55"/>
      <c r="O30" s="56"/>
      <c r="P30" s="52"/>
      <c r="Q30" s="53"/>
      <c r="R30" s="52" t="s">
        <v>298</v>
      </c>
      <c r="S30" s="57"/>
      <c r="T30" s="58" t="s">
        <v>298</v>
      </c>
      <c r="U30" s="53" t="s">
        <v>22</v>
      </c>
      <c r="V30" s="52"/>
      <c r="W30" s="53" t="s">
        <v>22</v>
      </c>
      <c r="X30" s="60"/>
      <c r="Y30" s="60"/>
      <c r="Z30" s="60"/>
      <c r="AA30" s="60"/>
      <c r="AB30" s="61"/>
      <c r="AC30" s="61"/>
      <c r="AD30" s="61"/>
      <c r="AE30" s="61"/>
      <c r="AF30" s="61"/>
      <c r="AG30" s="61"/>
      <c r="AH30" s="61"/>
      <c r="AI30" s="61"/>
      <c r="AJ30" s="61"/>
      <c r="AK30" s="62"/>
      <c r="AL30" s="62"/>
      <c r="AM30" s="63"/>
    </row>
    <row r="31" spans="1:39" s="59" customFormat="1" ht="9.75" customHeight="1">
      <c r="A31" s="77"/>
      <c r="B31" s="116"/>
      <c r="C31" s="116"/>
      <c r="D31" s="116"/>
      <c r="E31" s="116"/>
      <c r="F31" s="116"/>
      <c r="G31" s="79"/>
      <c r="H31" s="80"/>
      <c r="I31" s="79"/>
      <c r="J31" s="80"/>
      <c r="K31" s="81"/>
      <c r="L31" s="81"/>
      <c r="M31" s="82"/>
      <c r="N31" s="82"/>
      <c r="O31" s="78"/>
      <c r="P31" s="79"/>
      <c r="Q31" s="80"/>
      <c r="R31" s="79"/>
      <c r="S31" s="83"/>
      <c r="T31" s="84"/>
      <c r="U31" s="80"/>
      <c r="V31" s="79"/>
      <c r="W31" s="80"/>
      <c r="X31" s="117"/>
      <c r="Y31" s="117"/>
      <c r="Z31" s="117"/>
      <c r="AA31" s="117"/>
      <c r="AB31" s="118"/>
      <c r="AC31" s="118"/>
      <c r="AD31" s="118"/>
      <c r="AE31" s="118"/>
      <c r="AF31" s="118"/>
      <c r="AG31" s="118"/>
      <c r="AH31" s="118"/>
      <c r="AI31" s="118"/>
      <c r="AJ31" s="118"/>
      <c r="AK31" s="119"/>
      <c r="AL31" s="119"/>
      <c r="AM31" s="120"/>
    </row>
    <row r="32" spans="1:39" ht="9.75" customHeight="1">
      <c r="A32" s="134"/>
      <c r="B32" s="135"/>
      <c r="C32" s="135"/>
      <c r="D32" s="135"/>
      <c r="E32" s="135"/>
      <c r="F32" s="135"/>
      <c r="G32" s="135"/>
      <c r="H32" s="135"/>
      <c r="I32" s="135"/>
      <c r="J32" s="135"/>
      <c r="K32" s="135"/>
      <c r="L32" s="135"/>
      <c r="M32" s="135"/>
      <c r="N32" s="135"/>
      <c r="O32" s="135"/>
      <c r="P32" s="135"/>
      <c r="Q32" s="135"/>
      <c r="R32" s="135"/>
      <c r="S32" s="135"/>
      <c r="T32" s="135"/>
      <c r="U32" s="135"/>
      <c r="V32" s="135"/>
      <c r="W32" s="135"/>
      <c r="X32" s="136"/>
      <c r="Y32" s="136"/>
      <c r="Z32" s="136"/>
      <c r="AA32" s="136"/>
      <c r="AB32" s="136"/>
      <c r="AC32" s="136"/>
      <c r="AD32" s="136"/>
      <c r="AE32" s="136"/>
      <c r="AF32" s="136"/>
      <c r="AG32" s="136"/>
      <c r="AH32" s="136"/>
      <c r="AI32" s="136"/>
      <c r="AJ32" s="136"/>
      <c r="AK32" s="136"/>
      <c r="AL32" s="136"/>
      <c r="AM32" s="137"/>
    </row>
    <row r="33" spans="1:39" ht="9.75" customHeight="1">
      <c r="A33" s="138"/>
      <c r="B33" s="139"/>
      <c r="C33" s="139"/>
      <c r="D33" s="139"/>
      <c r="E33" s="139"/>
      <c r="F33" s="139"/>
      <c r="G33" s="139"/>
      <c r="H33" s="139"/>
      <c r="I33" s="139"/>
      <c r="J33" s="139"/>
      <c r="K33" s="139"/>
      <c r="L33" s="139"/>
      <c r="M33" s="139"/>
      <c r="N33" s="139"/>
      <c r="O33" s="139"/>
      <c r="P33" s="139"/>
      <c r="Q33" s="139"/>
      <c r="R33" s="139"/>
      <c r="S33" s="139"/>
      <c r="T33" s="139"/>
      <c r="U33" s="139"/>
      <c r="V33" s="139"/>
      <c r="W33" s="139"/>
      <c r="X33" s="139"/>
      <c r="Y33" s="139"/>
      <c r="Z33" s="139"/>
      <c r="AA33" s="139"/>
      <c r="AB33" s="139"/>
      <c r="AC33" s="139"/>
      <c r="AD33" s="139"/>
      <c r="AE33" s="139"/>
      <c r="AF33" s="139"/>
      <c r="AG33" s="139"/>
      <c r="AH33" s="139"/>
      <c r="AI33" s="139"/>
      <c r="AJ33" s="139"/>
      <c r="AK33" s="139"/>
      <c r="AL33" s="139"/>
      <c r="AM33" s="140"/>
    </row>
    <row r="34" spans="1:39" ht="9.75" customHeight="1">
      <c r="A34" s="138"/>
      <c r="B34" s="139"/>
      <c r="C34" s="139"/>
      <c r="D34" s="139"/>
      <c r="E34" s="139"/>
      <c r="F34" s="139"/>
      <c r="G34" s="139"/>
      <c r="H34" s="139"/>
      <c r="I34" s="139"/>
      <c r="J34" s="139"/>
      <c r="K34" s="139"/>
      <c r="L34" s="139"/>
      <c r="M34" s="139"/>
      <c r="N34" s="139"/>
      <c r="O34" s="139"/>
      <c r="P34" s="139"/>
      <c r="Q34" s="139"/>
      <c r="R34" s="139"/>
      <c r="S34" s="139"/>
      <c r="T34" s="139"/>
      <c r="U34" s="139"/>
      <c r="V34" s="139"/>
      <c r="W34" s="139"/>
      <c r="X34" s="139"/>
      <c r="Y34" s="139"/>
      <c r="Z34" s="139"/>
      <c r="AA34" s="139"/>
      <c r="AB34" s="139"/>
      <c r="AC34" s="139"/>
      <c r="AD34" s="139"/>
      <c r="AE34" s="139"/>
      <c r="AF34" s="139"/>
      <c r="AG34" s="139"/>
      <c r="AH34" s="139"/>
      <c r="AI34" s="139"/>
      <c r="AJ34" s="139"/>
      <c r="AK34" s="139"/>
      <c r="AL34" s="139"/>
      <c r="AM34" s="140"/>
    </row>
    <row r="35" spans="1:39" ht="9.75" customHeight="1">
      <c r="A35" s="138"/>
      <c r="B35" s="139"/>
      <c r="C35" s="139"/>
      <c r="D35" s="139"/>
      <c r="E35" s="139"/>
      <c r="F35" s="139"/>
      <c r="G35" s="139"/>
      <c r="H35" s="139"/>
      <c r="I35" s="139"/>
      <c r="J35" s="139"/>
      <c r="K35" s="139"/>
      <c r="L35" s="139"/>
      <c r="M35" s="139"/>
      <c r="N35" s="139"/>
      <c r="O35" s="139"/>
      <c r="P35" s="139"/>
      <c r="Q35" s="139"/>
      <c r="R35" s="139"/>
      <c r="S35" s="139"/>
      <c r="T35" s="139"/>
      <c r="U35" s="139"/>
      <c r="V35" s="139"/>
      <c r="W35" s="139"/>
      <c r="X35" s="139"/>
      <c r="Y35" s="139"/>
      <c r="Z35" s="139"/>
      <c r="AA35" s="139"/>
      <c r="AB35" s="139"/>
      <c r="AC35" s="139"/>
      <c r="AD35" s="139"/>
      <c r="AE35" s="139"/>
      <c r="AF35" s="139"/>
      <c r="AG35" s="139"/>
      <c r="AH35" s="139"/>
      <c r="AI35" s="139"/>
      <c r="AJ35" s="139"/>
      <c r="AK35" s="139"/>
      <c r="AL35" s="139"/>
      <c r="AM35" s="140"/>
    </row>
    <row r="36" spans="1:39" ht="9.75" customHeight="1">
      <c r="A36" s="138"/>
      <c r="B36" s="139"/>
      <c r="C36" s="139"/>
      <c r="D36" s="139"/>
      <c r="E36" s="139"/>
      <c r="F36" s="139"/>
      <c r="G36" s="139"/>
      <c r="H36" s="139"/>
      <c r="I36" s="139"/>
      <c r="J36" s="139"/>
      <c r="K36" s="139"/>
      <c r="L36" s="139"/>
      <c r="M36" s="139"/>
      <c r="N36" s="139"/>
      <c r="O36" s="139"/>
      <c r="P36" s="139"/>
      <c r="Q36" s="139"/>
      <c r="R36" s="139"/>
      <c r="S36" s="139"/>
      <c r="T36" s="139"/>
      <c r="U36" s="139"/>
      <c r="V36" s="139"/>
      <c r="W36" s="139"/>
      <c r="X36" s="139"/>
      <c r="Y36" s="139"/>
      <c r="Z36" s="139"/>
      <c r="AA36" s="139"/>
      <c r="AB36" s="139"/>
      <c r="AC36" s="139"/>
      <c r="AD36" s="139"/>
      <c r="AE36" s="139"/>
      <c r="AF36" s="139"/>
      <c r="AG36" s="139"/>
      <c r="AH36" s="139"/>
      <c r="AI36" s="139"/>
      <c r="AJ36" s="139"/>
      <c r="AK36" s="139"/>
      <c r="AL36" s="139"/>
      <c r="AM36" s="140"/>
    </row>
    <row r="37" spans="1:39" ht="9.75" customHeight="1">
      <c r="A37" s="138"/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139"/>
      <c r="M37" s="139"/>
      <c r="N37" s="139"/>
      <c r="O37" s="139"/>
      <c r="P37" s="139"/>
      <c r="Q37" s="139"/>
      <c r="R37" s="139"/>
      <c r="S37" s="139"/>
      <c r="T37" s="139"/>
      <c r="U37" s="139"/>
      <c r="V37" s="139"/>
      <c r="W37" s="139"/>
      <c r="X37" s="139"/>
      <c r="Y37" s="139"/>
      <c r="Z37" s="139"/>
      <c r="AA37" s="139"/>
      <c r="AB37" s="139"/>
      <c r="AC37" s="139"/>
      <c r="AD37" s="139"/>
      <c r="AE37" s="139"/>
      <c r="AF37" s="139"/>
      <c r="AG37" s="139"/>
      <c r="AH37" s="139"/>
      <c r="AI37" s="139"/>
      <c r="AJ37" s="139"/>
      <c r="AK37" s="139"/>
      <c r="AL37" s="139"/>
      <c r="AM37" s="140"/>
    </row>
    <row r="38" spans="1:39" ht="9.75" customHeight="1">
      <c r="A38" s="138"/>
      <c r="B38" s="139"/>
      <c r="C38" s="139"/>
      <c r="D38" s="139"/>
      <c r="E38" s="139"/>
      <c r="F38" s="139"/>
      <c r="G38" s="139"/>
      <c r="H38" s="139"/>
      <c r="I38" s="139"/>
      <c r="J38" s="139"/>
      <c r="K38" s="139"/>
      <c r="L38" s="139"/>
      <c r="M38" s="139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40"/>
    </row>
    <row r="39" spans="1:39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40"/>
    </row>
    <row r="40" spans="1:39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40"/>
    </row>
    <row r="41" spans="1:39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40"/>
    </row>
    <row r="42" spans="1:39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40"/>
    </row>
    <row r="43" spans="1:39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40"/>
    </row>
    <row r="44" spans="1:39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40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1">
    <mergeCell ref="A30:F30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F17:F1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E17:E19"/>
    <mergeCell ref="F26:F28"/>
    <mergeCell ref="E26:E28"/>
    <mergeCell ref="O20:O22"/>
    <mergeCell ref="N20:N22"/>
  </mergeCells>
  <phoneticPr fontId="1"/>
  <pageMargins left="0.43307086614173229" right="0.39370078740157483" top="0.19685039370078741" bottom="0" header="0.19685039370078741" footer="0.19685039370078741"/>
  <pageSetup paperSize="9" firstPageNumber="266" pageOrder="overThenDown" orientation="portrait" useFirstPageNumber="1" r:id="rId1"/>
  <headerFooter>
    <oddFooter>&amp;C- &amp;P -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048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047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295</v>
      </c>
      <c r="I11" s="52" t="s">
        <v>23</v>
      </c>
      <c r="J11" s="53" t="s">
        <v>296</v>
      </c>
      <c r="K11" s="183" t="s">
        <v>22</v>
      </c>
      <c r="L11" s="52"/>
      <c r="M11" s="205" t="s">
        <v>22</v>
      </c>
      <c r="N11" s="54" t="s">
        <v>297</v>
      </c>
      <c r="O11" s="55"/>
      <c r="P11" s="228"/>
      <c r="Q11" s="294"/>
      <c r="R11" s="52"/>
      <c r="S11" s="55"/>
      <c r="T11" s="204" t="s">
        <v>298</v>
      </c>
      <c r="U11" s="55"/>
      <c r="V11" s="53" t="s">
        <v>22</v>
      </c>
      <c r="W11" s="54" t="s">
        <v>22</v>
      </c>
      <c r="X11" s="54" t="s">
        <v>22</v>
      </c>
      <c r="Y11" s="54" t="s">
        <v>1046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725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295</v>
      </c>
      <c r="I14" s="169" t="s">
        <v>23</v>
      </c>
      <c r="J14" s="44" t="s">
        <v>296</v>
      </c>
      <c r="K14" s="192" t="s">
        <v>22</v>
      </c>
      <c r="L14" s="169"/>
      <c r="M14" s="191" t="s">
        <v>22</v>
      </c>
      <c r="N14" s="45" t="s">
        <v>297</v>
      </c>
      <c r="O14" s="168"/>
      <c r="P14" s="168"/>
      <c r="Q14" s="170"/>
      <c r="R14" s="169"/>
      <c r="S14" s="168"/>
      <c r="T14" s="190" t="s">
        <v>298</v>
      </c>
      <c r="U14" s="168"/>
      <c r="V14" s="44" t="s">
        <v>22</v>
      </c>
      <c r="W14" s="45" t="s">
        <v>22</v>
      </c>
      <c r="X14" s="45" t="s">
        <v>22</v>
      </c>
      <c r="Y14" s="45" t="s">
        <v>1046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1" t="s">
        <v>728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295</v>
      </c>
      <c r="I17" s="169" t="s">
        <v>23</v>
      </c>
      <c r="J17" s="44" t="s">
        <v>296</v>
      </c>
      <c r="K17" s="192" t="s">
        <v>22</v>
      </c>
      <c r="L17" s="169"/>
      <c r="M17" s="191" t="s">
        <v>22</v>
      </c>
      <c r="N17" s="45" t="s">
        <v>297</v>
      </c>
      <c r="O17" s="168"/>
      <c r="P17" s="168"/>
      <c r="Q17" s="170"/>
      <c r="R17" s="169"/>
      <c r="S17" s="168"/>
      <c r="T17" s="190" t="s">
        <v>298</v>
      </c>
      <c r="U17" s="168"/>
      <c r="V17" s="44" t="s">
        <v>22</v>
      </c>
      <c r="W17" s="45" t="s">
        <v>22</v>
      </c>
      <c r="X17" s="45" t="s">
        <v>22</v>
      </c>
      <c r="Y17" s="45" t="s">
        <v>1046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726</v>
      </c>
      <c r="Q19" s="221" t="s">
        <v>725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297</v>
      </c>
      <c r="T20" s="190" t="s">
        <v>298</v>
      </c>
      <c r="U20" s="168"/>
      <c r="V20" s="44" t="s">
        <v>22</v>
      </c>
      <c r="W20" s="45" t="s">
        <v>22</v>
      </c>
      <c r="X20" s="45" t="s">
        <v>22</v>
      </c>
      <c r="Y20" s="45" t="s">
        <v>1046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76"/>
      <c r="B22" s="188"/>
      <c r="C22" s="167"/>
      <c r="D22" s="188"/>
      <c r="E22" s="167"/>
      <c r="F22" s="68"/>
      <c r="G22" s="103"/>
      <c r="H22" s="104"/>
      <c r="I22" s="103"/>
      <c r="J22" s="104"/>
      <c r="K22" s="187"/>
      <c r="L22" s="103"/>
      <c r="M22" s="186"/>
      <c r="N22" s="105"/>
      <c r="O22" s="106"/>
      <c r="P22" s="106"/>
      <c r="Q22" s="65"/>
      <c r="R22" s="103"/>
      <c r="S22" s="106"/>
      <c r="T22" s="185"/>
      <c r="U22" s="106"/>
      <c r="V22" s="104"/>
      <c r="W22" s="105"/>
      <c r="X22" s="105"/>
      <c r="Y22" s="105"/>
      <c r="Z22" s="184" t="s">
        <v>1</v>
      </c>
      <c r="AA22" s="109"/>
      <c r="AB22" s="109"/>
      <c r="AC22" s="109"/>
      <c r="AD22" s="110"/>
      <c r="AE22" s="111"/>
      <c r="AF22" s="111"/>
      <c r="AG22" s="111"/>
      <c r="AH22" s="109"/>
      <c r="AI22" s="109"/>
      <c r="AJ22" s="109"/>
      <c r="AK22" s="109"/>
      <c r="AL22" s="110"/>
      <c r="AM22" s="111"/>
      <c r="AN22" s="111"/>
      <c r="AO22" s="112"/>
    </row>
    <row r="23" spans="1:41" s="59" customFormat="1" ht="9.75" customHeight="1">
      <c r="A23" s="248" t="s">
        <v>660</v>
      </c>
      <c r="B23" s="249"/>
      <c r="C23" s="250"/>
      <c r="D23" s="250"/>
      <c r="E23" s="250"/>
      <c r="F23" s="236"/>
      <c r="G23" s="273" t="s">
        <v>295</v>
      </c>
      <c r="H23" s="274"/>
      <c r="I23" s="52" t="s">
        <v>23</v>
      </c>
      <c r="J23" s="53" t="s">
        <v>296</v>
      </c>
      <c r="K23" s="54" t="s">
        <v>22</v>
      </c>
      <c r="L23" s="52"/>
      <c r="M23" s="53" t="s">
        <v>22</v>
      </c>
      <c r="N23" s="183" t="s">
        <v>297</v>
      </c>
      <c r="O23" s="182"/>
      <c r="P23" s="55"/>
      <c r="Q23" s="56"/>
      <c r="R23" s="52"/>
      <c r="S23" s="55"/>
      <c r="T23" s="181" t="s">
        <v>298</v>
      </c>
      <c r="U23" s="55"/>
      <c r="V23" s="53" t="s">
        <v>22</v>
      </c>
      <c r="W23" s="54" t="s">
        <v>22</v>
      </c>
      <c r="X23" s="53" t="s">
        <v>22</v>
      </c>
      <c r="Y23" s="54" t="s">
        <v>1046</v>
      </c>
      <c r="Z23" s="180"/>
      <c r="AA23" s="61"/>
      <c r="AB23" s="61"/>
      <c r="AC23" s="61"/>
      <c r="AD23" s="61"/>
      <c r="AE23" s="62"/>
      <c r="AF23" s="62"/>
      <c r="AG23" s="62"/>
      <c r="AH23" s="60"/>
      <c r="AI23" s="60"/>
      <c r="AJ23" s="60"/>
      <c r="AK23" s="60"/>
      <c r="AL23" s="61"/>
      <c r="AM23" s="61"/>
      <c r="AN23" s="61"/>
      <c r="AO23" s="63"/>
    </row>
    <row r="24" spans="1:41" s="59" customFormat="1" ht="9.75" customHeight="1">
      <c r="A24" s="77"/>
      <c r="B24" s="179"/>
      <c r="C24" s="82"/>
      <c r="D24" s="179"/>
      <c r="E24" s="82"/>
      <c r="F24" s="78"/>
      <c r="G24" s="79"/>
      <c r="H24" s="80"/>
      <c r="I24" s="79"/>
      <c r="J24" s="80"/>
      <c r="K24" s="178"/>
      <c r="L24" s="79"/>
      <c r="M24" s="177"/>
      <c r="N24" s="81"/>
      <c r="O24" s="82"/>
      <c r="P24" s="82"/>
      <c r="Q24" s="78"/>
      <c r="R24" s="79"/>
      <c r="S24" s="82"/>
      <c r="T24" s="176"/>
      <c r="U24" s="82"/>
      <c r="V24" s="80"/>
      <c r="W24" s="81"/>
      <c r="X24" s="81"/>
      <c r="Y24" s="81"/>
      <c r="Z24" s="175"/>
      <c r="AA24" s="117"/>
      <c r="AB24" s="117"/>
      <c r="AC24" s="117"/>
      <c r="AD24" s="118"/>
      <c r="AE24" s="119"/>
      <c r="AF24" s="119"/>
      <c r="AG24" s="119"/>
      <c r="AH24" s="117"/>
      <c r="AI24" s="117"/>
      <c r="AJ24" s="117"/>
      <c r="AK24" s="117"/>
      <c r="AL24" s="118"/>
      <c r="AM24" s="119"/>
      <c r="AN24" s="119"/>
      <c r="AO24" s="120"/>
    </row>
    <row r="25" spans="1:41" ht="9.75" customHeight="1">
      <c r="A25" s="134"/>
      <c r="B25" s="135"/>
      <c r="C25" s="135"/>
      <c r="D25" s="135"/>
      <c r="E25" s="135"/>
      <c r="F25" s="135"/>
      <c r="G25" s="135"/>
      <c r="H25" s="135"/>
      <c r="I25" s="135"/>
      <c r="J25" s="135"/>
      <c r="K25" s="135"/>
      <c r="L25" s="135"/>
      <c r="M25" s="135"/>
      <c r="N25" s="135"/>
      <c r="O25" s="135"/>
      <c r="P25" s="135"/>
      <c r="Q25" s="135"/>
      <c r="R25" s="135"/>
      <c r="S25" s="135"/>
      <c r="T25" s="135"/>
      <c r="U25" s="135"/>
      <c r="V25" s="135"/>
      <c r="W25" s="135"/>
      <c r="X25" s="135"/>
      <c r="Y25" s="135"/>
      <c r="Z25" s="136"/>
      <c r="AA25" s="136"/>
      <c r="AB25" s="136"/>
      <c r="AC25" s="136"/>
      <c r="AD25" s="136"/>
      <c r="AE25" s="136"/>
      <c r="AF25" s="136"/>
      <c r="AG25" s="136"/>
      <c r="AH25" s="136"/>
      <c r="AI25" s="136"/>
      <c r="AJ25" s="136"/>
      <c r="AK25" s="136"/>
      <c r="AL25" s="136"/>
      <c r="AM25" s="136"/>
      <c r="AN25" s="136"/>
      <c r="AO25" s="137"/>
    </row>
    <row r="26" spans="1:41" ht="9.75" customHeight="1">
      <c r="A26" s="138"/>
      <c r="B26" s="139"/>
      <c r="C26" s="139"/>
      <c r="D26" s="139"/>
      <c r="E26" s="139"/>
      <c r="F26" s="139"/>
      <c r="G26" s="139"/>
      <c r="H26" s="139"/>
      <c r="I26" s="139"/>
      <c r="J26" s="139"/>
      <c r="K26" s="139"/>
      <c r="L26" s="139"/>
      <c r="M26" s="139"/>
      <c r="N26" s="139"/>
      <c r="O26" s="139"/>
      <c r="P26" s="139"/>
      <c r="Q26" s="139"/>
      <c r="R26" s="139"/>
      <c r="S26" s="139"/>
      <c r="T26" s="139"/>
      <c r="U26" s="139"/>
      <c r="V26" s="139"/>
      <c r="W26" s="139"/>
      <c r="X26" s="139"/>
      <c r="Y26" s="139"/>
      <c r="Z26" s="139"/>
      <c r="AA26" s="139"/>
      <c r="AB26" s="139"/>
      <c r="AC26" s="139"/>
      <c r="AD26" s="139"/>
      <c r="AE26" s="139"/>
      <c r="AF26" s="139"/>
      <c r="AG26" s="139"/>
      <c r="AH26" s="139"/>
      <c r="AI26" s="139"/>
      <c r="AJ26" s="139"/>
      <c r="AK26" s="139"/>
      <c r="AL26" s="139"/>
      <c r="AM26" s="139"/>
      <c r="AN26" s="139"/>
      <c r="AO26" s="140"/>
    </row>
    <row r="27" spans="1:41" ht="9.75" customHeight="1">
      <c r="A27" s="138"/>
      <c r="B27" s="139"/>
      <c r="C27" s="139"/>
      <c r="D27" s="139"/>
      <c r="E27" s="139"/>
      <c r="F27" s="139"/>
      <c r="G27" s="139"/>
      <c r="H27" s="139"/>
      <c r="I27" s="139"/>
      <c r="J27" s="139"/>
      <c r="K27" s="139"/>
      <c r="L27" s="139"/>
      <c r="M27" s="139"/>
      <c r="N27" s="139"/>
      <c r="O27" s="139"/>
      <c r="P27" s="139"/>
      <c r="Q27" s="139"/>
      <c r="R27" s="139"/>
      <c r="S27" s="139"/>
      <c r="T27" s="139"/>
      <c r="U27" s="139"/>
      <c r="V27" s="139"/>
      <c r="W27" s="139"/>
      <c r="X27" s="139"/>
      <c r="Y27" s="139"/>
      <c r="Z27" s="139"/>
      <c r="AA27" s="139"/>
      <c r="AB27" s="139"/>
      <c r="AC27" s="139"/>
      <c r="AD27" s="139"/>
      <c r="AE27" s="139"/>
      <c r="AF27" s="139"/>
      <c r="AG27" s="139"/>
      <c r="AH27" s="139"/>
      <c r="AI27" s="139"/>
      <c r="AJ27" s="139"/>
      <c r="AK27" s="139"/>
      <c r="AL27" s="139"/>
      <c r="AM27" s="139"/>
      <c r="AN27" s="139"/>
      <c r="AO27" s="140"/>
    </row>
    <row r="28" spans="1:41" ht="9.75" customHeight="1">
      <c r="A28" s="138"/>
      <c r="B28" s="139"/>
      <c r="C28" s="139"/>
      <c r="D28" s="139"/>
      <c r="E28" s="139"/>
      <c r="F28" s="139"/>
      <c r="G28" s="139"/>
      <c r="H28" s="139"/>
      <c r="I28" s="139"/>
      <c r="J28" s="139"/>
      <c r="K28" s="139"/>
      <c r="L28" s="139"/>
      <c r="M28" s="139"/>
      <c r="N28" s="139"/>
      <c r="O28" s="139"/>
      <c r="P28" s="139"/>
      <c r="Q28" s="139"/>
      <c r="R28" s="139"/>
      <c r="S28" s="139"/>
      <c r="T28" s="139"/>
      <c r="U28" s="139"/>
      <c r="V28" s="139"/>
      <c r="W28" s="139"/>
      <c r="X28" s="139"/>
      <c r="Y28" s="139"/>
      <c r="Z28" s="139"/>
      <c r="AA28" s="139"/>
      <c r="AB28" s="139"/>
      <c r="AC28" s="139"/>
      <c r="AD28" s="139"/>
      <c r="AE28" s="139"/>
      <c r="AF28" s="139"/>
      <c r="AG28" s="139"/>
      <c r="AH28" s="139"/>
      <c r="AI28" s="139"/>
      <c r="AJ28" s="139"/>
      <c r="AK28" s="139"/>
      <c r="AL28" s="139"/>
      <c r="AM28" s="139"/>
      <c r="AN28" s="139"/>
      <c r="AO28" s="140"/>
    </row>
    <row r="29" spans="1:41" ht="9.75" customHeight="1">
      <c r="A29" s="138"/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139"/>
      <c r="M29" s="139"/>
      <c r="N29" s="139"/>
      <c r="O29" s="139"/>
      <c r="P29" s="139"/>
      <c r="Q29" s="139"/>
      <c r="R29" s="139"/>
      <c r="S29" s="139"/>
      <c r="T29" s="139"/>
      <c r="U29" s="139"/>
      <c r="V29" s="139"/>
      <c r="W29" s="139"/>
      <c r="X29" s="139"/>
      <c r="Y29" s="139"/>
      <c r="Z29" s="139"/>
      <c r="AA29" s="139"/>
      <c r="AB29" s="139"/>
      <c r="AC29" s="139"/>
      <c r="AD29" s="139"/>
      <c r="AE29" s="139"/>
      <c r="AF29" s="139"/>
      <c r="AG29" s="139"/>
      <c r="AH29" s="139"/>
      <c r="AI29" s="139"/>
      <c r="AJ29" s="139"/>
      <c r="AK29" s="139"/>
      <c r="AL29" s="139"/>
      <c r="AM29" s="139"/>
      <c r="AN29" s="139"/>
      <c r="AO29" s="140"/>
    </row>
    <row r="30" spans="1:41" ht="9.75" customHeight="1">
      <c r="A30" s="138"/>
      <c r="B30" s="139"/>
      <c r="C30" s="139"/>
      <c r="D30" s="139"/>
      <c r="E30" s="139"/>
      <c r="F30" s="139"/>
      <c r="G30" s="139"/>
      <c r="H30" s="139"/>
      <c r="I30" s="139"/>
      <c r="J30" s="139"/>
      <c r="K30" s="139"/>
      <c r="L30" s="139"/>
      <c r="M30" s="139"/>
      <c r="N30" s="139"/>
      <c r="O30" s="139"/>
      <c r="P30" s="139"/>
      <c r="Q30" s="139"/>
      <c r="R30" s="139"/>
      <c r="S30" s="139"/>
      <c r="T30" s="139"/>
      <c r="U30" s="139"/>
      <c r="V30" s="139"/>
      <c r="W30" s="139"/>
      <c r="X30" s="139"/>
      <c r="Y30" s="139"/>
      <c r="Z30" s="139"/>
      <c r="AA30" s="139"/>
      <c r="AB30" s="139"/>
      <c r="AC30" s="139"/>
      <c r="AD30" s="139"/>
      <c r="AE30" s="139"/>
      <c r="AF30" s="139"/>
      <c r="AG30" s="139"/>
      <c r="AH30" s="139"/>
      <c r="AI30" s="139"/>
      <c r="AJ30" s="139"/>
      <c r="AK30" s="139"/>
      <c r="AL30" s="139"/>
      <c r="AM30" s="139"/>
      <c r="AN30" s="139"/>
      <c r="AO30" s="140"/>
    </row>
    <row r="31" spans="1:41" ht="9.75" customHeight="1">
      <c r="A31" s="138"/>
      <c r="B31" s="139"/>
      <c r="C31" s="139"/>
      <c r="D31" s="139"/>
      <c r="E31" s="139"/>
      <c r="F31" s="139"/>
      <c r="G31" s="139"/>
      <c r="H31" s="139"/>
      <c r="I31" s="139"/>
      <c r="J31" s="139"/>
      <c r="K31" s="139"/>
      <c r="L31" s="139"/>
      <c r="M31" s="139"/>
      <c r="N31" s="139"/>
      <c r="O31" s="139"/>
      <c r="P31" s="139"/>
      <c r="Q31" s="139"/>
      <c r="R31" s="139"/>
      <c r="S31" s="139"/>
      <c r="T31" s="139"/>
      <c r="U31" s="139"/>
      <c r="V31" s="139"/>
      <c r="W31" s="139"/>
      <c r="X31" s="139"/>
      <c r="Y31" s="139"/>
      <c r="Z31" s="139"/>
      <c r="AA31" s="139"/>
      <c r="AB31" s="139"/>
      <c r="AC31" s="139"/>
      <c r="AD31" s="139"/>
      <c r="AE31" s="139"/>
      <c r="AF31" s="139"/>
      <c r="AG31" s="139"/>
      <c r="AH31" s="139"/>
      <c r="AI31" s="139"/>
      <c r="AJ31" s="139"/>
      <c r="AK31" s="139"/>
      <c r="AL31" s="139"/>
      <c r="AM31" s="139"/>
      <c r="AN31" s="139"/>
      <c r="AO31" s="140"/>
    </row>
    <row r="32" spans="1:41" ht="9.75" customHeight="1">
      <c r="A32" s="138"/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139"/>
      <c r="M32" s="139"/>
      <c r="N32" s="139"/>
      <c r="O32" s="139"/>
      <c r="P32" s="139"/>
      <c r="Q32" s="139"/>
      <c r="R32" s="139"/>
      <c r="S32" s="139"/>
      <c r="T32" s="139"/>
      <c r="U32" s="139"/>
      <c r="V32" s="139"/>
      <c r="W32" s="139"/>
      <c r="X32" s="139"/>
      <c r="Y32" s="139"/>
      <c r="Z32" s="139"/>
      <c r="AA32" s="139"/>
      <c r="AB32" s="139"/>
      <c r="AC32" s="139"/>
      <c r="AD32" s="139"/>
      <c r="AE32" s="139"/>
      <c r="AF32" s="139"/>
      <c r="AG32" s="139"/>
      <c r="AH32" s="139"/>
      <c r="AI32" s="139"/>
      <c r="AJ32" s="139"/>
      <c r="AK32" s="139"/>
      <c r="AL32" s="139"/>
      <c r="AM32" s="139"/>
      <c r="AN32" s="139"/>
      <c r="AO32" s="140"/>
    </row>
    <row r="33" spans="1:41" ht="9.75" customHeight="1">
      <c r="A33" s="138"/>
      <c r="B33" s="139"/>
      <c r="C33" s="139"/>
      <c r="D33" s="139"/>
      <c r="E33" s="139"/>
      <c r="F33" s="139"/>
      <c r="G33" s="139"/>
      <c r="H33" s="139"/>
      <c r="I33" s="139"/>
      <c r="J33" s="139"/>
      <c r="K33" s="139"/>
      <c r="L33" s="139"/>
      <c r="M33" s="139"/>
      <c r="N33" s="139"/>
      <c r="O33" s="139"/>
      <c r="P33" s="139"/>
      <c r="Q33" s="139"/>
      <c r="R33" s="139"/>
      <c r="S33" s="139"/>
      <c r="T33" s="139"/>
      <c r="U33" s="139"/>
      <c r="V33" s="139"/>
      <c r="W33" s="139"/>
      <c r="X33" s="139"/>
      <c r="Y33" s="139"/>
      <c r="Z33" s="139"/>
      <c r="AA33" s="139"/>
      <c r="AB33" s="139"/>
      <c r="AC33" s="139"/>
      <c r="AD33" s="139"/>
      <c r="AE33" s="139"/>
      <c r="AF33" s="139"/>
      <c r="AG33" s="139"/>
      <c r="AH33" s="139"/>
      <c r="AI33" s="139"/>
      <c r="AJ33" s="139"/>
      <c r="AK33" s="139"/>
      <c r="AL33" s="139"/>
      <c r="AM33" s="139"/>
      <c r="AN33" s="139"/>
      <c r="AO33" s="140"/>
    </row>
    <row r="34" spans="1:41" ht="9.75" customHeight="1">
      <c r="A34" s="138"/>
      <c r="B34" s="139"/>
      <c r="C34" s="139"/>
      <c r="D34" s="139"/>
      <c r="E34" s="139"/>
      <c r="F34" s="139"/>
      <c r="G34" s="139"/>
      <c r="H34" s="139"/>
      <c r="I34" s="139"/>
      <c r="J34" s="139"/>
      <c r="K34" s="139"/>
      <c r="L34" s="139"/>
      <c r="M34" s="139"/>
      <c r="N34" s="139"/>
      <c r="O34" s="139"/>
      <c r="P34" s="139"/>
      <c r="Q34" s="139"/>
      <c r="R34" s="139"/>
      <c r="S34" s="139"/>
      <c r="T34" s="139"/>
      <c r="U34" s="139"/>
      <c r="V34" s="139"/>
      <c r="W34" s="139"/>
      <c r="X34" s="139"/>
      <c r="Y34" s="139"/>
      <c r="Z34" s="139"/>
      <c r="AA34" s="139"/>
      <c r="AB34" s="139"/>
      <c r="AC34" s="139"/>
      <c r="AD34" s="139"/>
      <c r="AE34" s="139"/>
      <c r="AF34" s="139"/>
      <c r="AG34" s="139"/>
      <c r="AH34" s="139"/>
      <c r="AI34" s="139"/>
      <c r="AJ34" s="139"/>
      <c r="AK34" s="139"/>
      <c r="AL34" s="139"/>
      <c r="AM34" s="139"/>
      <c r="AN34" s="139"/>
      <c r="AO34" s="140"/>
    </row>
    <row r="35" spans="1:41" ht="9.75" customHeight="1">
      <c r="A35" s="138"/>
      <c r="B35" s="139"/>
      <c r="C35" s="139"/>
      <c r="D35" s="139"/>
      <c r="E35" s="139"/>
      <c r="F35" s="139"/>
      <c r="G35" s="139"/>
      <c r="H35" s="139"/>
      <c r="I35" s="139"/>
      <c r="J35" s="139"/>
      <c r="K35" s="139"/>
      <c r="L35" s="139"/>
      <c r="M35" s="139"/>
      <c r="N35" s="139"/>
      <c r="O35" s="139"/>
      <c r="P35" s="139"/>
      <c r="Q35" s="139"/>
      <c r="R35" s="139"/>
      <c r="S35" s="139"/>
      <c r="T35" s="139"/>
      <c r="U35" s="139"/>
      <c r="V35" s="139"/>
      <c r="W35" s="139"/>
      <c r="X35" s="139"/>
      <c r="Y35" s="139"/>
      <c r="Z35" s="139"/>
      <c r="AA35" s="139"/>
      <c r="AB35" s="139"/>
      <c r="AC35" s="139"/>
      <c r="AD35" s="139"/>
      <c r="AE35" s="139"/>
      <c r="AF35" s="139"/>
      <c r="AG35" s="139"/>
      <c r="AH35" s="139"/>
      <c r="AI35" s="139"/>
      <c r="AJ35" s="139"/>
      <c r="AK35" s="139"/>
      <c r="AL35" s="139"/>
      <c r="AM35" s="139"/>
      <c r="AN35" s="139"/>
      <c r="AO35" s="140"/>
    </row>
    <row r="36" spans="1:41" ht="9.75" customHeight="1">
      <c r="A36" s="138"/>
      <c r="B36" s="139"/>
      <c r="C36" s="139"/>
      <c r="D36" s="139"/>
      <c r="E36" s="139"/>
      <c r="F36" s="139"/>
      <c r="G36" s="139"/>
      <c r="H36" s="139"/>
      <c r="I36" s="139"/>
      <c r="J36" s="139"/>
      <c r="K36" s="139"/>
      <c r="L36" s="139"/>
      <c r="M36" s="139"/>
      <c r="N36" s="139"/>
      <c r="O36" s="139"/>
      <c r="P36" s="139"/>
      <c r="Q36" s="139"/>
      <c r="R36" s="139"/>
      <c r="S36" s="139"/>
      <c r="T36" s="139"/>
      <c r="U36" s="139"/>
      <c r="V36" s="139"/>
      <c r="W36" s="139"/>
      <c r="X36" s="139"/>
      <c r="Y36" s="139"/>
      <c r="Z36" s="139"/>
      <c r="AA36" s="139"/>
      <c r="AB36" s="139"/>
      <c r="AC36" s="139"/>
      <c r="AD36" s="139"/>
      <c r="AE36" s="139"/>
      <c r="AF36" s="139"/>
      <c r="AG36" s="139"/>
      <c r="AH36" s="139"/>
      <c r="AI36" s="139"/>
      <c r="AJ36" s="139"/>
      <c r="AK36" s="139"/>
      <c r="AL36" s="139"/>
      <c r="AM36" s="139"/>
      <c r="AN36" s="139"/>
      <c r="AO36" s="140"/>
    </row>
    <row r="37" spans="1:41" ht="9.75" customHeight="1">
      <c r="A37" s="138"/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139"/>
      <c r="M37" s="139"/>
      <c r="N37" s="139"/>
      <c r="O37" s="139"/>
      <c r="P37" s="139"/>
      <c r="Q37" s="139"/>
      <c r="R37" s="139"/>
      <c r="S37" s="139"/>
      <c r="T37" s="139"/>
      <c r="U37" s="139"/>
      <c r="V37" s="139"/>
      <c r="W37" s="139"/>
      <c r="X37" s="139"/>
      <c r="Y37" s="139"/>
      <c r="Z37" s="139"/>
      <c r="AA37" s="139"/>
      <c r="AB37" s="139"/>
      <c r="AC37" s="139"/>
      <c r="AD37" s="139"/>
      <c r="AE37" s="139"/>
      <c r="AF37" s="139"/>
      <c r="AG37" s="139"/>
      <c r="AH37" s="139"/>
      <c r="AI37" s="139"/>
      <c r="AJ37" s="139"/>
      <c r="AK37" s="139"/>
      <c r="AL37" s="139"/>
      <c r="AM37" s="139"/>
      <c r="AN37" s="139"/>
      <c r="AO37" s="140"/>
    </row>
    <row r="38" spans="1:41" ht="9.75" customHeight="1">
      <c r="A38" s="138"/>
      <c r="B38" s="139"/>
      <c r="C38" s="139"/>
      <c r="D38" s="139"/>
      <c r="E38" s="139"/>
      <c r="F38" s="139"/>
      <c r="G38" s="139"/>
      <c r="H38" s="139"/>
      <c r="I38" s="139"/>
      <c r="J38" s="139"/>
      <c r="K38" s="139"/>
      <c r="L38" s="139"/>
      <c r="M38" s="139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39"/>
      <c r="AN38" s="139"/>
      <c r="AO38" s="140"/>
    </row>
    <row r="39" spans="1:41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39"/>
      <c r="AN39" s="139"/>
      <c r="AO39" s="140"/>
    </row>
    <row r="40" spans="1:41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39"/>
      <c r="AN40" s="139"/>
      <c r="AO40" s="140"/>
    </row>
    <row r="41" spans="1:41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  <c r="AN41" s="139"/>
      <c r="AO41" s="140"/>
    </row>
    <row r="42" spans="1:41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  <c r="AN42" s="139"/>
      <c r="AO42" s="140"/>
    </row>
    <row r="43" spans="1:41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  <c r="AN43" s="139"/>
      <c r="AO43" s="140"/>
    </row>
    <row r="44" spans="1:41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  <c r="AN44" s="139"/>
      <c r="AO44" s="140"/>
    </row>
    <row r="45" spans="1:41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  <c r="AN45" s="139"/>
      <c r="AO45" s="140"/>
    </row>
    <row r="46" spans="1:41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  <c r="AN46" s="139"/>
      <c r="AO46" s="140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31">
    <mergeCell ref="F16:F18"/>
    <mergeCell ref="E16:E18"/>
    <mergeCell ref="Q10:Q12"/>
    <mergeCell ref="P10:P12"/>
    <mergeCell ref="B10:B12"/>
    <mergeCell ref="R7:S8"/>
    <mergeCell ref="A10:A12"/>
    <mergeCell ref="D13:D15"/>
    <mergeCell ref="C13:C15"/>
    <mergeCell ref="T5:T8"/>
    <mergeCell ref="U5:X5"/>
    <mergeCell ref="X6:X8"/>
    <mergeCell ref="P7:Q8"/>
    <mergeCell ref="Q19:Q21"/>
    <mergeCell ref="P19:P21"/>
    <mergeCell ref="A23:F23"/>
    <mergeCell ref="G23:H23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68" pageOrder="overThenDown" orientation="portrait" useFirstPageNumber="1" r:id="rId1"/>
  <headerFooter>
    <oddFooter>&amp;C- &amp;P -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300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301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41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5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302</v>
      </c>
      <c r="I12" s="52" t="s">
        <v>23</v>
      </c>
      <c r="J12" s="53" t="s">
        <v>303</v>
      </c>
      <c r="K12" s="54" t="s">
        <v>22</v>
      </c>
      <c r="L12" s="54" t="s">
        <v>304</v>
      </c>
      <c r="M12" s="55"/>
      <c r="N12" s="55"/>
      <c r="O12" s="56"/>
      <c r="P12" s="52"/>
      <c r="Q12" s="53"/>
      <c r="R12" s="52" t="s">
        <v>305</v>
      </c>
      <c r="S12" s="57"/>
      <c r="T12" s="58" t="s">
        <v>306</v>
      </c>
      <c r="U12" s="53" t="s">
        <v>307</v>
      </c>
      <c r="V12" s="52"/>
      <c r="W12" s="53" t="s">
        <v>308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109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309</v>
      </c>
      <c r="I15" s="43"/>
      <c r="J15" s="44" t="s">
        <v>22</v>
      </c>
      <c r="K15" s="45" t="s">
        <v>22</v>
      </c>
      <c r="L15" s="45" t="s">
        <v>309</v>
      </c>
      <c r="M15" s="42"/>
      <c r="N15" s="42"/>
      <c r="O15" s="64"/>
      <c r="P15" s="43"/>
      <c r="Q15" s="44"/>
      <c r="R15" s="43" t="s">
        <v>310</v>
      </c>
      <c r="S15" s="46"/>
      <c r="T15" s="47" t="s">
        <v>311</v>
      </c>
      <c r="U15" s="44" t="s">
        <v>312</v>
      </c>
      <c r="V15" s="43"/>
      <c r="W15" s="44" t="s">
        <v>313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12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309</v>
      </c>
      <c r="I18" s="43"/>
      <c r="J18" s="44" t="s">
        <v>22</v>
      </c>
      <c r="K18" s="45" t="s">
        <v>22</v>
      </c>
      <c r="L18" s="45" t="s">
        <v>309</v>
      </c>
      <c r="M18" s="42"/>
      <c r="N18" s="42"/>
      <c r="O18" s="64"/>
      <c r="P18" s="43"/>
      <c r="Q18" s="44"/>
      <c r="R18" s="43" t="s">
        <v>310</v>
      </c>
      <c r="S18" s="46"/>
      <c r="T18" s="47" t="s">
        <v>311</v>
      </c>
      <c r="U18" s="44" t="s">
        <v>312</v>
      </c>
      <c r="V18" s="43"/>
      <c r="W18" s="44" t="s">
        <v>313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30" t="s">
        <v>586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309</v>
      </c>
      <c r="R21" s="43" t="s">
        <v>310</v>
      </c>
      <c r="S21" s="46"/>
      <c r="T21" s="47" t="s">
        <v>311</v>
      </c>
      <c r="U21" s="44" t="s">
        <v>312</v>
      </c>
      <c r="V21" s="43"/>
      <c r="W21" s="44" t="s">
        <v>313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66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314</v>
      </c>
      <c r="I24" s="43" t="s">
        <v>23</v>
      </c>
      <c r="J24" s="44" t="s">
        <v>315</v>
      </c>
      <c r="K24" s="45" t="s">
        <v>22</v>
      </c>
      <c r="L24" s="45" t="s">
        <v>316</v>
      </c>
      <c r="M24" s="42"/>
      <c r="N24" s="42"/>
      <c r="O24" s="41"/>
      <c r="P24" s="43"/>
      <c r="Q24" s="44"/>
      <c r="R24" s="43" t="s">
        <v>316</v>
      </c>
      <c r="S24" s="46"/>
      <c r="T24" s="47" t="s">
        <v>316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30" t="s">
        <v>571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314</v>
      </c>
      <c r="I27" s="43" t="s">
        <v>23</v>
      </c>
      <c r="J27" s="44" t="s">
        <v>315</v>
      </c>
      <c r="K27" s="45" t="s">
        <v>22</v>
      </c>
      <c r="L27" s="45" t="s">
        <v>316</v>
      </c>
      <c r="M27" s="42"/>
      <c r="N27" s="42"/>
      <c r="O27" s="64"/>
      <c r="P27" s="43"/>
      <c r="Q27" s="44"/>
      <c r="R27" s="43" t="s">
        <v>316</v>
      </c>
      <c r="S27" s="46"/>
      <c r="T27" s="47" t="s">
        <v>316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6</v>
      </c>
      <c r="D29" s="221" t="s">
        <v>80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317</v>
      </c>
      <c r="I30" s="43"/>
      <c r="J30" s="44" t="s">
        <v>22</v>
      </c>
      <c r="K30" s="45" t="s">
        <v>22</v>
      </c>
      <c r="L30" s="45" t="s">
        <v>317</v>
      </c>
      <c r="M30" s="42"/>
      <c r="N30" s="42"/>
      <c r="O30" s="41"/>
      <c r="P30" s="43"/>
      <c r="Q30" s="44"/>
      <c r="R30" s="43" t="s">
        <v>318</v>
      </c>
      <c r="S30" s="46"/>
      <c r="T30" s="47" t="s">
        <v>318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21" t="s">
        <v>80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317</v>
      </c>
      <c r="I33" s="43"/>
      <c r="J33" s="44" t="s">
        <v>22</v>
      </c>
      <c r="K33" s="45" t="s">
        <v>22</v>
      </c>
      <c r="L33" s="45" t="s">
        <v>317</v>
      </c>
      <c r="M33" s="42"/>
      <c r="N33" s="42"/>
      <c r="O33" s="64"/>
      <c r="P33" s="43"/>
      <c r="Q33" s="44"/>
      <c r="R33" s="43" t="s">
        <v>318</v>
      </c>
      <c r="S33" s="46"/>
      <c r="T33" s="47" t="s">
        <v>318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50"/>
      <c r="B35" s="51"/>
      <c r="C35" s="218" t="s">
        <v>31</v>
      </c>
      <c r="D35" s="221" t="s">
        <v>82</v>
      </c>
      <c r="E35" s="66"/>
      <c r="F35" s="67"/>
      <c r="G35" s="66"/>
      <c r="H35" s="69"/>
      <c r="I35" s="66"/>
      <c r="J35" s="69"/>
      <c r="K35" s="70"/>
      <c r="L35" s="70"/>
      <c r="M35" s="71"/>
      <c r="N35" s="71"/>
      <c r="O35" s="68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50"/>
      <c r="B36" s="51"/>
      <c r="C36" s="219"/>
      <c r="D36" s="222"/>
      <c r="E36" s="43"/>
      <c r="F36" s="64"/>
      <c r="G36" s="43"/>
      <c r="H36" s="44" t="s">
        <v>319</v>
      </c>
      <c r="I36" s="43"/>
      <c r="J36" s="44" t="s">
        <v>22</v>
      </c>
      <c r="K36" s="45" t="s">
        <v>22</v>
      </c>
      <c r="L36" s="45" t="s">
        <v>319</v>
      </c>
      <c r="M36" s="42"/>
      <c r="N36" s="42"/>
      <c r="O36" s="41"/>
      <c r="P36" s="43"/>
      <c r="Q36" s="44"/>
      <c r="R36" s="43" t="s">
        <v>320</v>
      </c>
      <c r="S36" s="46"/>
      <c r="T36" s="47" t="s">
        <v>321</v>
      </c>
      <c r="U36" s="44" t="s">
        <v>322</v>
      </c>
      <c r="V36" s="43"/>
      <c r="W36" s="44" t="s">
        <v>323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50"/>
      <c r="B37" s="51"/>
      <c r="C37" s="219"/>
      <c r="D37" s="222"/>
      <c r="E37" s="43"/>
      <c r="F37" s="64"/>
      <c r="G37" s="43"/>
      <c r="H37" s="44"/>
      <c r="I37" s="43"/>
      <c r="J37" s="44"/>
      <c r="K37" s="45"/>
      <c r="L37" s="45"/>
      <c r="M37" s="42"/>
      <c r="N37" s="42"/>
      <c r="O37" s="41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50"/>
      <c r="B38" s="56"/>
      <c r="C38" s="43"/>
      <c r="D38" s="64"/>
      <c r="E38" s="218" t="s">
        <v>21</v>
      </c>
      <c r="F38" s="221" t="s">
        <v>83</v>
      </c>
      <c r="G38" s="66"/>
      <c r="H38" s="69"/>
      <c r="I38" s="66"/>
      <c r="J38" s="69"/>
      <c r="K38" s="70"/>
      <c r="L38" s="70"/>
      <c r="M38" s="71"/>
      <c r="N38" s="71"/>
      <c r="O38" s="67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43"/>
      <c r="D39" s="64"/>
      <c r="E39" s="219"/>
      <c r="F39" s="222"/>
      <c r="G39" s="43"/>
      <c r="H39" s="44" t="s">
        <v>38</v>
      </c>
      <c r="I39" s="43"/>
      <c r="J39" s="44" t="s">
        <v>22</v>
      </c>
      <c r="K39" s="45" t="s">
        <v>22</v>
      </c>
      <c r="L39" s="45" t="s">
        <v>38</v>
      </c>
      <c r="M39" s="42"/>
      <c r="N39" s="42"/>
      <c r="O39" s="64"/>
      <c r="P39" s="43"/>
      <c r="Q39" s="44"/>
      <c r="R39" s="43" t="s">
        <v>324</v>
      </c>
      <c r="S39" s="46"/>
      <c r="T39" s="47" t="s">
        <v>324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40"/>
      <c r="B40" s="41"/>
      <c r="C40" s="43"/>
      <c r="D40" s="64"/>
      <c r="E40" s="220"/>
      <c r="F40" s="223"/>
      <c r="G40" s="43"/>
      <c r="H40" s="44"/>
      <c r="I40" s="43"/>
      <c r="J40" s="44"/>
      <c r="K40" s="45"/>
      <c r="L40" s="45"/>
      <c r="M40" s="42"/>
      <c r="N40" s="42"/>
      <c r="O40" s="64"/>
      <c r="P40" s="43"/>
      <c r="Q40" s="44"/>
      <c r="R40" s="43"/>
      <c r="S40" s="46"/>
      <c r="T40" s="47"/>
      <c r="U40" s="44"/>
      <c r="V40" s="43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50"/>
      <c r="B41" s="51"/>
      <c r="C41" s="43"/>
      <c r="D41" s="64"/>
      <c r="E41" s="218" t="s">
        <v>25</v>
      </c>
      <c r="F41" s="221" t="s">
        <v>99</v>
      </c>
      <c r="G41" s="66"/>
      <c r="H41" s="69"/>
      <c r="I41" s="66"/>
      <c r="J41" s="69"/>
      <c r="K41" s="70"/>
      <c r="L41" s="70"/>
      <c r="M41" s="71"/>
      <c r="N41" s="71"/>
      <c r="O41" s="68"/>
      <c r="P41" s="66"/>
      <c r="Q41" s="69"/>
      <c r="R41" s="66"/>
      <c r="S41" s="72"/>
      <c r="T41" s="73"/>
      <c r="U41" s="69"/>
      <c r="V41" s="66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50"/>
      <c r="B42" s="51"/>
      <c r="C42" s="43"/>
      <c r="D42" s="64"/>
      <c r="E42" s="219"/>
      <c r="F42" s="222"/>
      <c r="G42" s="43"/>
      <c r="H42" s="44" t="s">
        <v>325</v>
      </c>
      <c r="I42" s="43"/>
      <c r="J42" s="44" t="s">
        <v>22</v>
      </c>
      <c r="K42" s="45" t="s">
        <v>22</v>
      </c>
      <c r="L42" s="45" t="s">
        <v>325</v>
      </c>
      <c r="M42" s="42"/>
      <c r="N42" s="42"/>
      <c r="O42" s="41"/>
      <c r="P42" s="43"/>
      <c r="Q42" s="44"/>
      <c r="R42" s="43" t="s">
        <v>326</v>
      </c>
      <c r="S42" s="46"/>
      <c r="T42" s="47" t="s">
        <v>327</v>
      </c>
      <c r="U42" s="44" t="s">
        <v>322</v>
      </c>
      <c r="V42" s="43"/>
      <c r="W42" s="44" t="s">
        <v>323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50"/>
      <c r="B43" s="51"/>
      <c r="C43" s="43"/>
      <c r="D43" s="64"/>
      <c r="E43" s="219"/>
      <c r="F43" s="222"/>
      <c r="G43" s="43"/>
      <c r="H43" s="44"/>
      <c r="I43" s="43"/>
      <c r="J43" s="44"/>
      <c r="K43" s="45"/>
      <c r="L43" s="45"/>
      <c r="M43" s="42"/>
      <c r="N43" s="42"/>
      <c r="O43" s="41"/>
      <c r="P43" s="43"/>
      <c r="Q43" s="44"/>
      <c r="R43" s="43"/>
      <c r="S43" s="46"/>
      <c r="T43" s="47"/>
      <c r="U43" s="44"/>
      <c r="V43" s="43"/>
      <c r="W43" s="44"/>
      <c r="X43" s="33"/>
      <c r="Y43" s="33"/>
      <c r="Z43" s="33"/>
      <c r="AA43" s="33"/>
      <c r="AB43" s="34"/>
      <c r="AC43" s="34"/>
      <c r="AD43" s="34"/>
      <c r="AE43" s="34"/>
      <c r="AF43" s="34"/>
      <c r="AG43" s="34"/>
      <c r="AH43" s="34"/>
      <c r="AI43" s="34"/>
      <c r="AJ43" s="34"/>
      <c r="AK43" s="35"/>
      <c r="AL43" s="35"/>
      <c r="AM43" s="36"/>
    </row>
    <row r="44" spans="1:39" s="59" customFormat="1" ht="9.75" customHeight="1">
      <c r="A44" s="50"/>
      <c r="B44" s="56"/>
      <c r="C44" s="43"/>
      <c r="D44" s="64"/>
      <c r="E44" s="43"/>
      <c r="F44" s="64"/>
      <c r="G44" s="43"/>
      <c r="H44" s="44"/>
      <c r="I44" s="43"/>
      <c r="J44" s="44"/>
      <c r="K44" s="45"/>
      <c r="L44" s="45"/>
      <c r="M44" s="42"/>
      <c r="N44" s="227" t="s">
        <v>21</v>
      </c>
      <c r="O44" s="221" t="s">
        <v>328</v>
      </c>
      <c r="P44" s="66"/>
      <c r="Q44" s="69"/>
      <c r="R44" s="66"/>
      <c r="S44" s="72"/>
      <c r="T44" s="73"/>
      <c r="U44" s="69"/>
      <c r="V44" s="66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40"/>
      <c r="B45" s="41"/>
      <c r="C45" s="43"/>
      <c r="D45" s="64"/>
      <c r="E45" s="43"/>
      <c r="F45" s="64"/>
      <c r="G45" s="43"/>
      <c r="H45" s="44"/>
      <c r="I45" s="43"/>
      <c r="J45" s="44"/>
      <c r="K45" s="45"/>
      <c r="L45" s="45"/>
      <c r="M45" s="42"/>
      <c r="N45" s="228"/>
      <c r="O45" s="222"/>
      <c r="P45" s="43"/>
      <c r="Q45" s="44" t="s">
        <v>325</v>
      </c>
      <c r="R45" s="43" t="s">
        <v>326</v>
      </c>
      <c r="S45" s="46"/>
      <c r="T45" s="47" t="s">
        <v>327</v>
      </c>
      <c r="U45" s="44" t="s">
        <v>322</v>
      </c>
      <c r="V45" s="43"/>
      <c r="W45" s="44" t="s">
        <v>323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40"/>
      <c r="B46" s="41"/>
      <c r="C46" s="91"/>
      <c r="D46" s="102"/>
      <c r="E46" s="91"/>
      <c r="F46" s="102"/>
      <c r="G46" s="91"/>
      <c r="H46" s="92"/>
      <c r="I46" s="91"/>
      <c r="J46" s="92"/>
      <c r="K46" s="48"/>
      <c r="L46" s="48"/>
      <c r="M46" s="49"/>
      <c r="N46" s="229"/>
      <c r="O46" s="223"/>
      <c r="P46" s="91"/>
      <c r="Q46" s="92"/>
      <c r="R46" s="91"/>
      <c r="S46" s="93"/>
      <c r="T46" s="94"/>
      <c r="U46" s="92"/>
      <c r="V46" s="91"/>
      <c r="W46" s="92"/>
      <c r="X46" s="95"/>
      <c r="Y46" s="95"/>
      <c r="Z46" s="95"/>
      <c r="AA46" s="95"/>
      <c r="AB46" s="96"/>
      <c r="AC46" s="96"/>
      <c r="AD46" s="96"/>
      <c r="AE46" s="96"/>
      <c r="AF46" s="96"/>
      <c r="AG46" s="96"/>
      <c r="AH46" s="96"/>
      <c r="AI46" s="96"/>
      <c r="AJ46" s="96"/>
      <c r="AK46" s="97"/>
      <c r="AL46" s="97"/>
      <c r="AM46" s="98"/>
    </row>
    <row r="47" spans="1:39" s="59" customFormat="1" ht="9.75" customHeight="1">
      <c r="A47" s="50"/>
      <c r="B47" s="51"/>
      <c r="C47" s="218" t="s">
        <v>32</v>
      </c>
      <c r="D47" s="221" t="s">
        <v>101</v>
      </c>
      <c r="E47" s="66"/>
      <c r="F47" s="67"/>
      <c r="G47" s="66"/>
      <c r="H47" s="69"/>
      <c r="I47" s="66"/>
      <c r="J47" s="69"/>
      <c r="K47" s="70"/>
      <c r="L47" s="70"/>
      <c r="M47" s="71"/>
      <c r="N47" s="71"/>
      <c r="O47" s="68"/>
      <c r="P47" s="66"/>
      <c r="Q47" s="69"/>
      <c r="R47" s="66"/>
      <c r="S47" s="72"/>
      <c r="T47" s="73"/>
      <c r="U47" s="69"/>
      <c r="V47" s="66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50"/>
      <c r="B48" s="51"/>
      <c r="C48" s="219"/>
      <c r="D48" s="222"/>
      <c r="E48" s="43"/>
      <c r="F48" s="64"/>
      <c r="G48" s="43"/>
      <c r="H48" s="44" t="s">
        <v>329</v>
      </c>
      <c r="I48" s="43" t="s">
        <v>23</v>
      </c>
      <c r="J48" s="44" t="s">
        <v>330</v>
      </c>
      <c r="K48" s="45" t="s">
        <v>22</v>
      </c>
      <c r="L48" s="45" t="s">
        <v>331</v>
      </c>
      <c r="M48" s="42"/>
      <c r="N48" s="42"/>
      <c r="O48" s="41"/>
      <c r="P48" s="43"/>
      <c r="Q48" s="44"/>
      <c r="R48" s="43" t="s">
        <v>331</v>
      </c>
      <c r="S48" s="46"/>
      <c r="T48" s="47" t="s">
        <v>331</v>
      </c>
      <c r="U48" s="44" t="s">
        <v>22</v>
      </c>
      <c r="V48" s="43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50"/>
      <c r="B49" s="51"/>
      <c r="C49" s="219"/>
      <c r="D49" s="222"/>
      <c r="E49" s="43"/>
      <c r="F49" s="64"/>
      <c r="G49" s="43"/>
      <c r="H49" s="44"/>
      <c r="I49" s="43"/>
      <c r="J49" s="44"/>
      <c r="K49" s="45"/>
      <c r="L49" s="45"/>
      <c r="M49" s="42"/>
      <c r="N49" s="42"/>
      <c r="O49" s="41"/>
      <c r="P49" s="43"/>
      <c r="Q49" s="44"/>
      <c r="R49" s="43"/>
      <c r="S49" s="46"/>
      <c r="T49" s="47"/>
      <c r="U49" s="44"/>
      <c r="V49" s="43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50"/>
      <c r="B50" s="56"/>
      <c r="C50" s="43"/>
      <c r="D50" s="64"/>
      <c r="E50" s="218" t="s">
        <v>21</v>
      </c>
      <c r="F50" s="221" t="s">
        <v>101</v>
      </c>
      <c r="G50" s="66"/>
      <c r="H50" s="69"/>
      <c r="I50" s="66"/>
      <c r="J50" s="69"/>
      <c r="K50" s="70"/>
      <c r="L50" s="70"/>
      <c r="M50" s="71"/>
      <c r="N50" s="71"/>
      <c r="O50" s="67"/>
      <c r="P50" s="66"/>
      <c r="Q50" s="69"/>
      <c r="R50" s="66"/>
      <c r="S50" s="72"/>
      <c r="T50" s="73"/>
      <c r="U50" s="69"/>
      <c r="V50" s="66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40"/>
      <c r="B51" s="41"/>
      <c r="C51" s="43"/>
      <c r="D51" s="64"/>
      <c r="E51" s="219"/>
      <c r="F51" s="222"/>
      <c r="G51" s="43"/>
      <c r="H51" s="44" t="s">
        <v>329</v>
      </c>
      <c r="I51" s="43" t="s">
        <v>23</v>
      </c>
      <c r="J51" s="44" t="s">
        <v>330</v>
      </c>
      <c r="K51" s="45" t="s">
        <v>22</v>
      </c>
      <c r="L51" s="45" t="s">
        <v>331</v>
      </c>
      <c r="M51" s="42"/>
      <c r="N51" s="42"/>
      <c r="O51" s="64"/>
      <c r="P51" s="43"/>
      <c r="Q51" s="44"/>
      <c r="R51" s="43" t="s">
        <v>331</v>
      </c>
      <c r="S51" s="46"/>
      <c r="T51" s="47" t="s">
        <v>331</v>
      </c>
      <c r="U51" s="44" t="s">
        <v>22</v>
      </c>
      <c r="V51" s="43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89"/>
      <c r="B52" s="90"/>
      <c r="C52" s="91"/>
      <c r="D52" s="102"/>
      <c r="E52" s="220"/>
      <c r="F52" s="223"/>
      <c r="G52" s="91"/>
      <c r="H52" s="92"/>
      <c r="I52" s="91"/>
      <c r="J52" s="92"/>
      <c r="K52" s="48"/>
      <c r="L52" s="48"/>
      <c r="M52" s="49"/>
      <c r="N52" s="49"/>
      <c r="O52" s="102"/>
      <c r="P52" s="91"/>
      <c r="Q52" s="92"/>
      <c r="R52" s="91"/>
      <c r="S52" s="93"/>
      <c r="T52" s="94"/>
      <c r="U52" s="92"/>
      <c r="V52" s="91"/>
      <c r="W52" s="92"/>
      <c r="X52" s="95"/>
      <c r="Y52" s="95"/>
      <c r="Z52" s="95"/>
      <c r="AA52" s="95"/>
      <c r="AB52" s="96"/>
      <c r="AC52" s="96"/>
      <c r="AD52" s="96"/>
      <c r="AE52" s="96"/>
      <c r="AF52" s="96"/>
      <c r="AG52" s="96"/>
      <c r="AH52" s="96"/>
      <c r="AI52" s="96"/>
      <c r="AJ52" s="96"/>
      <c r="AK52" s="97"/>
      <c r="AL52" s="97"/>
      <c r="AM52" s="98"/>
    </row>
    <row r="53" spans="1:39" s="59" customFormat="1" ht="9.75" customHeight="1">
      <c r="A53" s="76"/>
      <c r="B53" s="115"/>
      <c r="C53" s="115"/>
      <c r="D53" s="115"/>
      <c r="E53" s="115"/>
      <c r="F53" s="115"/>
      <c r="G53" s="103"/>
      <c r="H53" s="104"/>
      <c r="I53" s="103"/>
      <c r="J53" s="104"/>
      <c r="K53" s="105"/>
      <c r="L53" s="105"/>
      <c r="M53" s="106"/>
      <c r="N53" s="106"/>
      <c r="O53" s="65"/>
      <c r="P53" s="103"/>
      <c r="Q53" s="104"/>
      <c r="R53" s="103"/>
      <c r="S53" s="107"/>
      <c r="T53" s="108"/>
      <c r="U53" s="104"/>
      <c r="V53" s="103"/>
      <c r="W53" s="104"/>
      <c r="X53" s="109" t="s">
        <v>1</v>
      </c>
      <c r="Y53" s="109"/>
      <c r="Z53" s="109"/>
      <c r="AA53" s="109"/>
      <c r="AB53" s="110"/>
      <c r="AC53" s="110"/>
      <c r="AD53" s="110"/>
      <c r="AE53" s="110"/>
      <c r="AF53" s="110"/>
      <c r="AG53" s="110"/>
      <c r="AH53" s="110"/>
      <c r="AI53" s="110"/>
      <c r="AJ53" s="110"/>
      <c r="AK53" s="111"/>
      <c r="AL53" s="111"/>
      <c r="AM53" s="112"/>
    </row>
    <row r="54" spans="1:39" s="59" customFormat="1" ht="9.75" customHeight="1">
      <c r="A54" s="248" t="s">
        <v>19</v>
      </c>
      <c r="B54" s="249"/>
      <c r="C54" s="250"/>
      <c r="D54" s="250"/>
      <c r="E54" s="250"/>
      <c r="F54" s="236"/>
      <c r="G54" s="52"/>
      <c r="H54" s="53" t="s">
        <v>302</v>
      </c>
      <c r="I54" s="52" t="s">
        <v>23</v>
      </c>
      <c r="J54" s="53" t="s">
        <v>303</v>
      </c>
      <c r="K54" s="54" t="s">
        <v>22</v>
      </c>
      <c r="L54" s="54" t="s">
        <v>304</v>
      </c>
      <c r="M54" s="55"/>
      <c r="N54" s="55"/>
      <c r="O54" s="56"/>
      <c r="P54" s="52"/>
      <c r="Q54" s="53"/>
      <c r="R54" s="52" t="s">
        <v>305</v>
      </c>
      <c r="S54" s="57"/>
      <c r="T54" s="58" t="s">
        <v>306</v>
      </c>
      <c r="U54" s="53" t="s">
        <v>307</v>
      </c>
      <c r="V54" s="52"/>
      <c r="W54" s="53" t="s">
        <v>308</v>
      </c>
      <c r="X54" s="60"/>
      <c r="Y54" s="60"/>
      <c r="Z54" s="60"/>
      <c r="AA54" s="60"/>
      <c r="AB54" s="61"/>
      <c r="AC54" s="61"/>
      <c r="AD54" s="61"/>
      <c r="AE54" s="61"/>
      <c r="AF54" s="61"/>
      <c r="AG54" s="61"/>
      <c r="AH54" s="61"/>
      <c r="AI54" s="61"/>
      <c r="AJ54" s="61"/>
      <c r="AK54" s="62"/>
      <c r="AL54" s="62"/>
      <c r="AM54" s="63"/>
    </row>
    <row r="55" spans="1:39" s="59" customFormat="1" ht="9.75" customHeight="1">
      <c r="A55" s="77"/>
      <c r="B55" s="116"/>
      <c r="C55" s="116"/>
      <c r="D55" s="116"/>
      <c r="E55" s="116"/>
      <c r="F55" s="116"/>
      <c r="G55" s="79"/>
      <c r="H55" s="80"/>
      <c r="I55" s="79"/>
      <c r="J55" s="80"/>
      <c r="K55" s="81"/>
      <c r="L55" s="81"/>
      <c r="M55" s="82"/>
      <c r="N55" s="82"/>
      <c r="O55" s="78"/>
      <c r="P55" s="79"/>
      <c r="Q55" s="80"/>
      <c r="R55" s="79"/>
      <c r="S55" s="83"/>
      <c r="T55" s="84"/>
      <c r="U55" s="80"/>
      <c r="V55" s="79"/>
      <c r="W55" s="80"/>
      <c r="X55" s="117"/>
      <c r="Y55" s="117"/>
      <c r="Z55" s="117"/>
      <c r="AA55" s="117"/>
      <c r="AB55" s="118"/>
      <c r="AC55" s="118"/>
      <c r="AD55" s="118"/>
      <c r="AE55" s="118"/>
      <c r="AF55" s="118"/>
      <c r="AG55" s="118"/>
      <c r="AH55" s="118"/>
      <c r="AI55" s="118"/>
      <c r="AJ55" s="118"/>
      <c r="AK55" s="119"/>
      <c r="AL55" s="119"/>
      <c r="AM55" s="120"/>
    </row>
    <row r="56" spans="1:39" ht="9.75" customHeight="1">
      <c r="A56" s="134"/>
      <c r="B56" s="135"/>
      <c r="C56" s="135"/>
      <c r="D56" s="135"/>
      <c r="E56" s="135"/>
      <c r="F56" s="135"/>
      <c r="G56" s="135"/>
      <c r="H56" s="135"/>
      <c r="I56" s="135"/>
      <c r="J56" s="135"/>
      <c r="K56" s="135"/>
      <c r="L56" s="135"/>
      <c r="M56" s="135"/>
      <c r="N56" s="135"/>
      <c r="O56" s="135"/>
      <c r="P56" s="135"/>
      <c r="Q56" s="135"/>
      <c r="R56" s="135"/>
      <c r="S56" s="135"/>
      <c r="T56" s="135"/>
      <c r="U56" s="135"/>
      <c r="V56" s="135"/>
      <c r="W56" s="135"/>
      <c r="X56" s="136"/>
      <c r="Y56" s="136"/>
      <c r="Z56" s="136"/>
      <c r="AA56" s="136"/>
      <c r="AB56" s="136"/>
      <c r="AC56" s="136"/>
      <c r="AD56" s="136"/>
      <c r="AE56" s="136"/>
      <c r="AF56" s="136"/>
      <c r="AG56" s="136"/>
      <c r="AH56" s="136"/>
      <c r="AI56" s="136"/>
      <c r="AJ56" s="136"/>
      <c r="AK56" s="136"/>
      <c r="AL56" s="136"/>
      <c r="AM56" s="137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47">
    <mergeCell ref="A54:F5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29:C31"/>
    <mergeCell ref="D35:D37"/>
    <mergeCell ref="C35:C37"/>
    <mergeCell ref="D47:D49"/>
    <mergeCell ref="C47:C49"/>
    <mergeCell ref="F17:F19"/>
    <mergeCell ref="E17:E19"/>
    <mergeCell ref="F26:F28"/>
    <mergeCell ref="E26:E28"/>
    <mergeCell ref="F32:F34"/>
    <mergeCell ref="E32:E34"/>
    <mergeCell ref="E38:E40"/>
    <mergeCell ref="F41:F43"/>
    <mergeCell ref="E41:E43"/>
    <mergeCell ref="F50:F52"/>
    <mergeCell ref="E50:E52"/>
    <mergeCell ref="O20:O22"/>
    <mergeCell ref="N20:N22"/>
    <mergeCell ref="O44:O46"/>
    <mergeCell ref="N44:N46"/>
    <mergeCell ref="F38:F40"/>
  </mergeCells>
  <phoneticPr fontId="1"/>
  <pageMargins left="0.43307086614173229" right="0.39370078740157483" top="0.19685039370078741" bottom="0" header="0.19685039370078741" footer="0.19685039370078741"/>
  <pageSetup paperSize="9" firstPageNumber="270" pageOrder="overThenDown" orientation="portrait" useFirstPageNumber="1" r:id="rId1"/>
  <headerFooter>
    <oddFooter>&amp;C- &amp;P -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080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079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302</v>
      </c>
      <c r="I11" s="52" t="s">
        <v>23</v>
      </c>
      <c r="J11" s="53" t="s">
        <v>303</v>
      </c>
      <c r="K11" s="183" t="s">
        <v>22</v>
      </c>
      <c r="L11" s="52"/>
      <c r="M11" s="205" t="s">
        <v>22</v>
      </c>
      <c r="N11" s="54" t="s">
        <v>304</v>
      </c>
      <c r="O11" s="55"/>
      <c r="P11" s="228"/>
      <c r="Q11" s="294"/>
      <c r="R11" s="52"/>
      <c r="S11" s="55"/>
      <c r="T11" s="204" t="s">
        <v>1050</v>
      </c>
      <c r="U11" s="55"/>
      <c r="V11" s="53" t="s">
        <v>22</v>
      </c>
      <c r="W11" s="54" t="s">
        <v>22</v>
      </c>
      <c r="X11" s="54" t="s">
        <v>22</v>
      </c>
      <c r="Y11" s="54" t="s">
        <v>1049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077</v>
      </c>
      <c r="I14" s="169" t="s">
        <v>23</v>
      </c>
      <c r="J14" s="44" t="s">
        <v>303</v>
      </c>
      <c r="K14" s="192" t="s">
        <v>22</v>
      </c>
      <c r="L14" s="169"/>
      <c r="M14" s="191" t="s">
        <v>22</v>
      </c>
      <c r="N14" s="45" t="s">
        <v>1076</v>
      </c>
      <c r="O14" s="168"/>
      <c r="P14" s="168"/>
      <c r="Q14" s="170"/>
      <c r="R14" s="169"/>
      <c r="S14" s="168"/>
      <c r="T14" s="190" t="s">
        <v>1075</v>
      </c>
      <c r="U14" s="168"/>
      <c r="V14" s="44" t="s">
        <v>22</v>
      </c>
      <c r="W14" s="45" t="s">
        <v>22</v>
      </c>
      <c r="X14" s="45" t="s">
        <v>22</v>
      </c>
      <c r="Y14" s="45" t="s">
        <v>1074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4" t="s">
        <v>1078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5"/>
      <c r="G17" s="169"/>
      <c r="H17" s="44" t="s">
        <v>1077</v>
      </c>
      <c r="I17" s="169" t="s">
        <v>23</v>
      </c>
      <c r="J17" s="44" t="s">
        <v>303</v>
      </c>
      <c r="K17" s="192" t="s">
        <v>22</v>
      </c>
      <c r="L17" s="169"/>
      <c r="M17" s="191" t="s">
        <v>22</v>
      </c>
      <c r="N17" s="45" t="s">
        <v>1076</v>
      </c>
      <c r="O17" s="168"/>
      <c r="P17" s="168"/>
      <c r="Q17" s="170"/>
      <c r="R17" s="169"/>
      <c r="S17" s="168"/>
      <c r="T17" s="190" t="s">
        <v>1075</v>
      </c>
      <c r="U17" s="168"/>
      <c r="V17" s="44" t="s">
        <v>22</v>
      </c>
      <c r="W17" s="45" t="s">
        <v>22</v>
      </c>
      <c r="X17" s="45" t="s">
        <v>22</v>
      </c>
      <c r="Y17" s="45" t="s">
        <v>1074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5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076</v>
      </c>
      <c r="T20" s="190" t="s">
        <v>1075</v>
      </c>
      <c r="U20" s="168"/>
      <c r="V20" s="44" t="s">
        <v>22</v>
      </c>
      <c r="W20" s="45" t="s">
        <v>22</v>
      </c>
      <c r="X20" s="45" t="s">
        <v>22</v>
      </c>
      <c r="Y20" s="45" t="s">
        <v>1074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72"/>
      <c r="D21" s="203"/>
      <c r="E21" s="172"/>
      <c r="F21" s="90"/>
      <c r="G21" s="172"/>
      <c r="H21" s="92"/>
      <c r="I21" s="172"/>
      <c r="J21" s="92"/>
      <c r="K21" s="202"/>
      <c r="L21" s="172"/>
      <c r="M21" s="201"/>
      <c r="N21" s="48"/>
      <c r="O21" s="174"/>
      <c r="P21" s="229"/>
      <c r="Q21" s="223"/>
      <c r="R21" s="172"/>
      <c r="S21" s="174"/>
      <c r="T21" s="200"/>
      <c r="U21" s="174"/>
      <c r="V21" s="92"/>
      <c r="W21" s="48"/>
      <c r="X21" s="48"/>
      <c r="Y21" s="48"/>
      <c r="Z21" s="199"/>
      <c r="AA21" s="95"/>
      <c r="AB21" s="95"/>
      <c r="AC21" s="95"/>
      <c r="AD21" s="96"/>
      <c r="AE21" s="97"/>
      <c r="AF21" s="97"/>
      <c r="AG21" s="97"/>
      <c r="AH21" s="95"/>
      <c r="AI21" s="95"/>
      <c r="AJ21" s="95"/>
      <c r="AK21" s="95"/>
      <c r="AL21" s="96"/>
      <c r="AM21" s="97"/>
      <c r="AN21" s="97"/>
      <c r="AO21" s="98"/>
    </row>
    <row r="22" spans="1:41" s="59" customFormat="1" ht="9.75" customHeight="1">
      <c r="A22" s="40"/>
      <c r="B22" s="170"/>
      <c r="C22" s="218" t="s">
        <v>25</v>
      </c>
      <c r="D22" s="221" t="s">
        <v>816</v>
      </c>
      <c r="E22" s="162"/>
      <c r="F22" s="163"/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219"/>
      <c r="D23" s="222"/>
      <c r="E23" s="169"/>
      <c r="F23" s="170"/>
      <c r="G23" s="169"/>
      <c r="H23" s="44" t="s">
        <v>1073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1073</v>
      </c>
      <c r="O23" s="168"/>
      <c r="P23" s="168"/>
      <c r="Q23" s="41"/>
      <c r="R23" s="169"/>
      <c r="S23" s="168"/>
      <c r="T23" s="190" t="s">
        <v>1072</v>
      </c>
      <c r="U23" s="168"/>
      <c r="V23" s="44" t="s">
        <v>22</v>
      </c>
      <c r="W23" s="45" t="s">
        <v>22</v>
      </c>
      <c r="X23" s="45" t="s">
        <v>22</v>
      </c>
      <c r="Y23" s="45" t="s">
        <v>1071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219"/>
      <c r="D24" s="222"/>
      <c r="E24" s="169"/>
      <c r="F24" s="170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70"/>
      <c r="E25" s="218" t="s">
        <v>21</v>
      </c>
      <c r="F25" s="221" t="s">
        <v>815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219"/>
      <c r="F26" s="222"/>
      <c r="G26" s="169"/>
      <c r="H26" s="44" t="s">
        <v>1073</v>
      </c>
      <c r="I26" s="169"/>
      <c r="J26" s="44" t="s">
        <v>22</v>
      </c>
      <c r="K26" s="192" t="s">
        <v>22</v>
      </c>
      <c r="L26" s="169"/>
      <c r="M26" s="191" t="s">
        <v>22</v>
      </c>
      <c r="N26" s="45" t="s">
        <v>1073</v>
      </c>
      <c r="O26" s="168"/>
      <c r="P26" s="168"/>
      <c r="Q26" s="170"/>
      <c r="R26" s="169"/>
      <c r="S26" s="168"/>
      <c r="T26" s="190" t="s">
        <v>1072</v>
      </c>
      <c r="U26" s="168"/>
      <c r="V26" s="44" t="s">
        <v>22</v>
      </c>
      <c r="W26" s="45" t="s">
        <v>22</v>
      </c>
      <c r="X26" s="45" t="s">
        <v>22</v>
      </c>
      <c r="Y26" s="45" t="s">
        <v>1071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170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1</v>
      </c>
      <c r="Q28" s="221" t="s">
        <v>900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070</v>
      </c>
      <c r="T29" s="190" t="s">
        <v>1069</v>
      </c>
      <c r="U29" s="168"/>
      <c r="V29" s="44" t="s">
        <v>22</v>
      </c>
      <c r="W29" s="45" t="s">
        <v>22</v>
      </c>
      <c r="X29" s="45" t="s">
        <v>22</v>
      </c>
      <c r="Y29" s="45" t="s">
        <v>1068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5</v>
      </c>
      <c r="Q31" s="221" t="s">
        <v>788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1067</v>
      </c>
      <c r="T32" s="190" t="s">
        <v>1066</v>
      </c>
      <c r="U32" s="168"/>
      <c r="V32" s="44" t="s">
        <v>22</v>
      </c>
      <c r="W32" s="45" t="s">
        <v>22</v>
      </c>
      <c r="X32" s="45" t="s">
        <v>22</v>
      </c>
      <c r="Y32" s="45" t="s">
        <v>1065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7</v>
      </c>
      <c r="Q34" s="221" t="s">
        <v>786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559</v>
      </c>
      <c r="T35" s="190" t="s">
        <v>1064</v>
      </c>
      <c r="U35" s="168"/>
      <c r="V35" s="44" t="s">
        <v>22</v>
      </c>
      <c r="W35" s="45" t="s">
        <v>22</v>
      </c>
      <c r="X35" s="45" t="s">
        <v>22</v>
      </c>
      <c r="Y35" s="45" t="s">
        <v>1063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39</v>
      </c>
      <c r="Q37" s="221" t="s">
        <v>704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1062</v>
      </c>
      <c r="T38" s="190" t="s">
        <v>1061</v>
      </c>
      <c r="U38" s="168"/>
      <c r="V38" s="44" t="s">
        <v>22</v>
      </c>
      <c r="W38" s="45" t="s">
        <v>22</v>
      </c>
      <c r="X38" s="45" t="s">
        <v>22</v>
      </c>
      <c r="Y38" s="45" t="s">
        <v>1060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40</v>
      </c>
      <c r="Q40" s="221" t="s">
        <v>700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1059</v>
      </c>
      <c r="T41" s="190" t="s">
        <v>1058</v>
      </c>
      <c r="U41" s="168"/>
      <c r="V41" s="44" t="s">
        <v>22</v>
      </c>
      <c r="W41" s="45" t="s">
        <v>22</v>
      </c>
      <c r="X41" s="45" t="s">
        <v>22</v>
      </c>
      <c r="Y41" s="45" t="s">
        <v>1057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4"/>
      <c r="E42" s="169"/>
      <c r="F42" s="41"/>
      <c r="G42" s="169"/>
      <c r="H42" s="44"/>
      <c r="I42" s="169"/>
      <c r="J42" s="44"/>
      <c r="K42" s="192"/>
      <c r="L42" s="169"/>
      <c r="M42" s="191"/>
      <c r="N42" s="45"/>
      <c r="O42" s="168"/>
      <c r="P42" s="229"/>
      <c r="Q42" s="223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41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79</v>
      </c>
      <c r="Q43" s="221" t="s">
        <v>699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41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1056</v>
      </c>
      <c r="T44" s="190" t="s">
        <v>1055</v>
      </c>
      <c r="U44" s="168"/>
      <c r="V44" s="44" t="s">
        <v>22</v>
      </c>
      <c r="W44" s="45" t="s">
        <v>22</v>
      </c>
      <c r="X44" s="45" t="s">
        <v>22</v>
      </c>
      <c r="Y44" s="45" t="s">
        <v>1054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4"/>
      <c r="E45" s="169"/>
      <c r="F45" s="41"/>
      <c r="G45" s="169"/>
      <c r="H45" s="44"/>
      <c r="I45" s="169"/>
      <c r="J45" s="44"/>
      <c r="K45" s="192"/>
      <c r="L45" s="169"/>
      <c r="M45" s="191"/>
      <c r="N45" s="45"/>
      <c r="O45" s="168"/>
      <c r="P45" s="229"/>
      <c r="Q45" s="223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41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100</v>
      </c>
      <c r="Q46" s="230" t="s">
        <v>695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41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1053</v>
      </c>
      <c r="T47" s="190" t="s">
        <v>1053</v>
      </c>
      <c r="U47" s="168"/>
      <c r="V47" s="44" t="s">
        <v>22</v>
      </c>
      <c r="W47" s="45" t="s">
        <v>22</v>
      </c>
      <c r="X47" s="45" t="s">
        <v>22</v>
      </c>
      <c r="Y47" s="45" t="s">
        <v>22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41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41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749</v>
      </c>
      <c r="Q49" s="230" t="s">
        <v>748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41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47</v>
      </c>
      <c r="T50" s="190" t="s">
        <v>1052</v>
      </c>
      <c r="U50" s="168"/>
      <c r="V50" s="44" t="s">
        <v>22</v>
      </c>
      <c r="W50" s="45" t="s">
        <v>22</v>
      </c>
      <c r="X50" s="45" t="s">
        <v>22</v>
      </c>
      <c r="Y50" s="45" t="s">
        <v>1051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4"/>
      <c r="E51" s="169"/>
      <c r="F51" s="41"/>
      <c r="G51" s="169"/>
      <c r="H51" s="44"/>
      <c r="I51" s="169"/>
      <c r="J51" s="44"/>
      <c r="K51" s="192"/>
      <c r="L51" s="169"/>
      <c r="M51" s="191"/>
      <c r="N51" s="45"/>
      <c r="O51" s="168"/>
      <c r="P51" s="229"/>
      <c r="Q51" s="223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76"/>
      <c r="B52" s="188"/>
      <c r="C52" s="167"/>
      <c r="D52" s="188"/>
      <c r="E52" s="167"/>
      <c r="F52" s="68"/>
      <c r="G52" s="103"/>
      <c r="H52" s="104"/>
      <c r="I52" s="103"/>
      <c r="J52" s="104"/>
      <c r="K52" s="187"/>
      <c r="L52" s="103"/>
      <c r="M52" s="186"/>
      <c r="N52" s="105"/>
      <c r="O52" s="106"/>
      <c r="P52" s="106"/>
      <c r="Q52" s="65"/>
      <c r="R52" s="103"/>
      <c r="S52" s="106"/>
      <c r="T52" s="185"/>
      <c r="U52" s="106"/>
      <c r="V52" s="104"/>
      <c r="W52" s="105"/>
      <c r="X52" s="105"/>
      <c r="Y52" s="105"/>
      <c r="Z52" s="184" t="s">
        <v>1</v>
      </c>
      <c r="AA52" s="109"/>
      <c r="AB52" s="109"/>
      <c r="AC52" s="109"/>
      <c r="AD52" s="110"/>
      <c r="AE52" s="111"/>
      <c r="AF52" s="111"/>
      <c r="AG52" s="111"/>
      <c r="AH52" s="109"/>
      <c r="AI52" s="109"/>
      <c r="AJ52" s="109"/>
      <c r="AK52" s="109"/>
      <c r="AL52" s="110"/>
      <c r="AM52" s="111"/>
      <c r="AN52" s="111"/>
      <c r="AO52" s="112"/>
    </row>
    <row r="53" spans="1:41" s="59" customFormat="1" ht="9.75" customHeight="1">
      <c r="A53" s="248" t="s">
        <v>660</v>
      </c>
      <c r="B53" s="249"/>
      <c r="C53" s="250"/>
      <c r="D53" s="250"/>
      <c r="E53" s="250"/>
      <c r="F53" s="236"/>
      <c r="G53" s="273" t="s">
        <v>302</v>
      </c>
      <c r="H53" s="274"/>
      <c r="I53" s="52" t="s">
        <v>23</v>
      </c>
      <c r="J53" s="53" t="s">
        <v>303</v>
      </c>
      <c r="K53" s="54" t="s">
        <v>22</v>
      </c>
      <c r="L53" s="52"/>
      <c r="M53" s="53" t="s">
        <v>22</v>
      </c>
      <c r="N53" s="183" t="s">
        <v>304</v>
      </c>
      <c r="O53" s="182"/>
      <c r="P53" s="55"/>
      <c r="Q53" s="56"/>
      <c r="R53" s="52"/>
      <c r="S53" s="55"/>
      <c r="T53" s="181" t="s">
        <v>1050</v>
      </c>
      <c r="U53" s="55"/>
      <c r="V53" s="53" t="s">
        <v>22</v>
      </c>
      <c r="W53" s="54" t="s">
        <v>22</v>
      </c>
      <c r="X53" s="53" t="s">
        <v>22</v>
      </c>
      <c r="Y53" s="54" t="s">
        <v>1049</v>
      </c>
      <c r="Z53" s="180"/>
      <c r="AA53" s="61"/>
      <c r="AB53" s="61"/>
      <c r="AC53" s="61"/>
      <c r="AD53" s="61"/>
      <c r="AE53" s="62"/>
      <c r="AF53" s="62"/>
      <c r="AG53" s="62"/>
      <c r="AH53" s="60"/>
      <c r="AI53" s="60"/>
      <c r="AJ53" s="60"/>
      <c r="AK53" s="60"/>
      <c r="AL53" s="61"/>
      <c r="AM53" s="61"/>
      <c r="AN53" s="61"/>
      <c r="AO53" s="63"/>
    </row>
    <row r="54" spans="1:41" s="59" customFormat="1" ht="9.75" customHeight="1">
      <c r="A54" s="77"/>
      <c r="B54" s="179"/>
      <c r="C54" s="82"/>
      <c r="D54" s="179"/>
      <c r="E54" s="82"/>
      <c r="F54" s="78"/>
      <c r="G54" s="79"/>
      <c r="H54" s="80"/>
      <c r="I54" s="79"/>
      <c r="J54" s="80"/>
      <c r="K54" s="178"/>
      <c r="L54" s="79"/>
      <c r="M54" s="177"/>
      <c r="N54" s="81"/>
      <c r="O54" s="82"/>
      <c r="P54" s="82"/>
      <c r="Q54" s="78"/>
      <c r="R54" s="79"/>
      <c r="S54" s="82"/>
      <c r="T54" s="176"/>
      <c r="U54" s="82"/>
      <c r="V54" s="80"/>
      <c r="W54" s="81"/>
      <c r="X54" s="81"/>
      <c r="Y54" s="81"/>
      <c r="Z54" s="175"/>
      <c r="AA54" s="117"/>
      <c r="AB54" s="117"/>
      <c r="AC54" s="117"/>
      <c r="AD54" s="118"/>
      <c r="AE54" s="119"/>
      <c r="AF54" s="119"/>
      <c r="AG54" s="119"/>
      <c r="AH54" s="117"/>
      <c r="AI54" s="117"/>
      <c r="AJ54" s="117"/>
      <c r="AK54" s="117"/>
      <c r="AL54" s="118"/>
      <c r="AM54" s="119"/>
      <c r="AN54" s="119"/>
      <c r="AO54" s="120"/>
    </row>
    <row r="55" spans="1:41" ht="9.75" customHeight="1">
      <c r="A55" s="134"/>
      <c r="B55" s="135"/>
      <c r="C55" s="135"/>
      <c r="D55" s="135"/>
      <c r="E55" s="135"/>
      <c r="F55" s="135"/>
      <c r="G55" s="135"/>
      <c r="H55" s="135"/>
      <c r="I55" s="135"/>
      <c r="J55" s="135"/>
      <c r="K55" s="135"/>
      <c r="L55" s="135"/>
      <c r="M55" s="135"/>
      <c r="N55" s="135"/>
      <c r="O55" s="135"/>
      <c r="P55" s="135"/>
      <c r="Q55" s="135"/>
      <c r="R55" s="135"/>
      <c r="S55" s="135"/>
      <c r="T55" s="135"/>
      <c r="U55" s="135"/>
      <c r="V55" s="135"/>
      <c r="W55" s="135"/>
      <c r="X55" s="135"/>
      <c r="Y55" s="135"/>
      <c r="Z55" s="136"/>
      <c r="AA55" s="136"/>
      <c r="AB55" s="136"/>
      <c r="AC55" s="136"/>
      <c r="AD55" s="136"/>
      <c r="AE55" s="136"/>
      <c r="AF55" s="136"/>
      <c r="AG55" s="136"/>
      <c r="AH55" s="136"/>
      <c r="AI55" s="136"/>
      <c r="AJ55" s="136"/>
      <c r="AK55" s="136"/>
      <c r="AL55" s="136"/>
      <c r="AM55" s="136"/>
      <c r="AN55" s="136"/>
      <c r="AO55" s="137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51">
    <mergeCell ref="Q46:Q48"/>
    <mergeCell ref="P46:P48"/>
    <mergeCell ref="Q49:Q51"/>
    <mergeCell ref="P49:P51"/>
    <mergeCell ref="Q37:Q39"/>
    <mergeCell ref="P37:P39"/>
    <mergeCell ref="Q40:Q42"/>
    <mergeCell ref="P40:P42"/>
    <mergeCell ref="Q43:Q45"/>
    <mergeCell ref="P43:P45"/>
    <mergeCell ref="Q28:Q30"/>
    <mergeCell ref="P28:P30"/>
    <mergeCell ref="Q31:Q33"/>
    <mergeCell ref="P31:P33"/>
    <mergeCell ref="Q34:Q36"/>
    <mergeCell ref="P34:P36"/>
    <mergeCell ref="B10:B12"/>
    <mergeCell ref="A10:A12"/>
    <mergeCell ref="D13:D15"/>
    <mergeCell ref="C13:C15"/>
    <mergeCell ref="F25:F27"/>
    <mergeCell ref="E25:E27"/>
    <mergeCell ref="U5:X5"/>
    <mergeCell ref="X6:X8"/>
    <mergeCell ref="P7:Q8"/>
    <mergeCell ref="D22:D24"/>
    <mergeCell ref="C22:C24"/>
    <mergeCell ref="F16:F18"/>
    <mergeCell ref="E16:E18"/>
    <mergeCell ref="U6:V8"/>
    <mergeCell ref="R7:S8"/>
    <mergeCell ref="Q10:Q12"/>
    <mergeCell ref="P10:P12"/>
    <mergeCell ref="Q19:Q21"/>
    <mergeCell ref="P19:P21"/>
    <mergeCell ref="A53:F53"/>
    <mergeCell ref="G53:H53"/>
    <mergeCell ref="Y5:Y8"/>
    <mergeCell ref="Z5:AO8"/>
    <mergeCell ref="G6:H8"/>
    <mergeCell ref="I6:J8"/>
    <mergeCell ref="K6:K8"/>
    <mergeCell ref="L6:M8"/>
    <mergeCell ref="N6:N8"/>
    <mergeCell ref="P6:S6"/>
    <mergeCell ref="W6:W8"/>
    <mergeCell ref="A5:B8"/>
    <mergeCell ref="C5:D8"/>
    <mergeCell ref="E5:F8"/>
    <mergeCell ref="G5:S5"/>
    <mergeCell ref="T5:T8"/>
  </mergeCells>
  <phoneticPr fontId="1"/>
  <pageMargins left="0.39370078740157483" right="0.39370078740157483" top="0.39370078740157483" bottom="0.39370078740157483" header="0.19685039370078741" footer="0.19685039370078741"/>
  <pageSetup paperSize="9" firstPageNumber="272" pageOrder="overThenDown" orientation="portrait" useFirstPageNumber="1" r:id="rId1"/>
  <headerFooter>
    <oddFooter>&amp;C- &amp;P -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2:AR172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332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124"/>
      <c r="N2" s="232" t="s">
        <v>333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20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23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21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21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122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87</v>
      </c>
      <c r="C11" s="128"/>
      <c r="D11" s="130"/>
      <c r="E11" s="128"/>
      <c r="F11" s="130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128"/>
      <c r="D12" s="130"/>
      <c r="E12" s="128"/>
      <c r="F12" s="130"/>
      <c r="G12" s="52"/>
      <c r="H12" s="53" t="s">
        <v>334</v>
      </c>
      <c r="I12" s="52" t="s">
        <v>23</v>
      </c>
      <c r="J12" s="53" t="s">
        <v>335</v>
      </c>
      <c r="K12" s="54" t="s">
        <v>22</v>
      </c>
      <c r="L12" s="54" t="s">
        <v>336</v>
      </c>
      <c r="M12" s="55"/>
      <c r="N12" s="55"/>
      <c r="O12" s="56"/>
      <c r="P12" s="52"/>
      <c r="Q12" s="53"/>
      <c r="R12" s="52" t="s">
        <v>337</v>
      </c>
      <c r="S12" s="57"/>
      <c r="T12" s="58" t="s">
        <v>337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128"/>
      <c r="D13" s="130"/>
      <c r="E13" s="128"/>
      <c r="F13" s="130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126"/>
      <c r="B14" s="56"/>
      <c r="C14" s="218" t="s">
        <v>21</v>
      </c>
      <c r="D14" s="230" t="s">
        <v>566</v>
      </c>
      <c r="E14" s="129"/>
      <c r="F14" s="127"/>
      <c r="G14" s="129"/>
      <c r="H14" s="69"/>
      <c r="I14" s="129"/>
      <c r="J14" s="69"/>
      <c r="K14" s="70"/>
      <c r="L14" s="70"/>
      <c r="M14" s="132"/>
      <c r="N14" s="132"/>
      <c r="O14" s="127"/>
      <c r="P14" s="129"/>
      <c r="Q14" s="69"/>
      <c r="R14" s="129"/>
      <c r="S14" s="72"/>
      <c r="T14" s="73"/>
      <c r="U14" s="69"/>
      <c r="V14" s="129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128"/>
      <c r="F15" s="130"/>
      <c r="G15" s="128"/>
      <c r="H15" s="44" t="s">
        <v>338</v>
      </c>
      <c r="I15" s="128"/>
      <c r="J15" s="44" t="s">
        <v>22</v>
      </c>
      <c r="K15" s="45" t="s">
        <v>22</v>
      </c>
      <c r="L15" s="45" t="s">
        <v>338</v>
      </c>
      <c r="M15" s="131"/>
      <c r="N15" s="131"/>
      <c r="O15" s="130"/>
      <c r="P15" s="128"/>
      <c r="Q15" s="44"/>
      <c r="R15" s="128" t="s">
        <v>339</v>
      </c>
      <c r="S15" s="46"/>
      <c r="T15" s="47" t="s">
        <v>339</v>
      </c>
      <c r="U15" s="44" t="s">
        <v>22</v>
      </c>
      <c r="V15" s="128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128"/>
      <c r="F16" s="130"/>
      <c r="G16" s="128"/>
      <c r="H16" s="44"/>
      <c r="I16" s="128"/>
      <c r="J16" s="44"/>
      <c r="K16" s="45"/>
      <c r="L16" s="45"/>
      <c r="M16" s="131"/>
      <c r="N16" s="131"/>
      <c r="O16" s="130"/>
      <c r="P16" s="128"/>
      <c r="Q16" s="44"/>
      <c r="R16" s="128"/>
      <c r="S16" s="46"/>
      <c r="T16" s="47"/>
      <c r="U16" s="44"/>
      <c r="V16" s="128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128"/>
      <c r="D17" s="41"/>
      <c r="E17" s="218" t="s">
        <v>21</v>
      </c>
      <c r="F17" s="221" t="s">
        <v>43</v>
      </c>
      <c r="G17" s="129"/>
      <c r="H17" s="69"/>
      <c r="I17" s="129"/>
      <c r="J17" s="69"/>
      <c r="K17" s="70"/>
      <c r="L17" s="70"/>
      <c r="M17" s="132"/>
      <c r="N17" s="132"/>
      <c r="O17" s="127"/>
      <c r="P17" s="129"/>
      <c r="Q17" s="69"/>
      <c r="R17" s="129"/>
      <c r="S17" s="72"/>
      <c r="T17" s="73"/>
      <c r="U17" s="69"/>
      <c r="V17" s="129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128"/>
      <c r="D18" s="41"/>
      <c r="E18" s="219"/>
      <c r="F18" s="222"/>
      <c r="G18" s="128"/>
      <c r="H18" s="44" t="s">
        <v>338</v>
      </c>
      <c r="I18" s="128"/>
      <c r="J18" s="44" t="s">
        <v>22</v>
      </c>
      <c r="K18" s="45" t="s">
        <v>22</v>
      </c>
      <c r="L18" s="45" t="s">
        <v>338</v>
      </c>
      <c r="M18" s="131"/>
      <c r="N18" s="131"/>
      <c r="O18" s="130"/>
      <c r="P18" s="128"/>
      <c r="Q18" s="44"/>
      <c r="R18" s="128" t="s">
        <v>339</v>
      </c>
      <c r="S18" s="46"/>
      <c r="T18" s="47" t="s">
        <v>339</v>
      </c>
      <c r="U18" s="44" t="s">
        <v>22</v>
      </c>
      <c r="V18" s="128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128"/>
      <c r="D19" s="41"/>
      <c r="E19" s="219"/>
      <c r="F19" s="222"/>
      <c r="G19" s="128"/>
      <c r="H19" s="44"/>
      <c r="I19" s="128"/>
      <c r="J19" s="44"/>
      <c r="K19" s="45"/>
      <c r="L19" s="45"/>
      <c r="M19" s="131"/>
      <c r="N19" s="131"/>
      <c r="O19" s="130"/>
      <c r="P19" s="128"/>
      <c r="Q19" s="44"/>
      <c r="R19" s="128"/>
      <c r="S19" s="46"/>
      <c r="T19" s="47"/>
      <c r="U19" s="44"/>
      <c r="V19" s="128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128"/>
      <c r="D20" s="41"/>
      <c r="E20" s="128"/>
      <c r="F20" s="41"/>
      <c r="G20" s="128"/>
      <c r="H20" s="44"/>
      <c r="I20" s="128"/>
      <c r="J20" s="44"/>
      <c r="K20" s="45"/>
      <c r="L20" s="45"/>
      <c r="M20" s="131"/>
      <c r="N20" s="227" t="s">
        <v>21</v>
      </c>
      <c r="O20" s="230" t="s">
        <v>590</v>
      </c>
      <c r="P20" s="129"/>
      <c r="Q20" s="69"/>
      <c r="R20" s="129"/>
      <c r="S20" s="72"/>
      <c r="T20" s="73"/>
      <c r="U20" s="69"/>
      <c r="V20" s="129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128"/>
      <c r="D21" s="41"/>
      <c r="E21" s="128"/>
      <c r="F21" s="41"/>
      <c r="G21" s="128"/>
      <c r="H21" s="44"/>
      <c r="I21" s="128"/>
      <c r="J21" s="44"/>
      <c r="K21" s="45"/>
      <c r="L21" s="45"/>
      <c r="M21" s="131"/>
      <c r="N21" s="228"/>
      <c r="O21" s="222"/>
      <c r="P21" s="128"/>
      <c r="Q21" s="44" t="s">
        <v>338</v>
      </c>
      <c r="R21" s="128" t="s">
        <v>339</v>
      </c>
      <c r="S21" s="46"/>
      <c r="T21" s="47" t="s">
        <v>339</v>
      </c>
      <c r="U21" s="44" t="s">
        <v>22</v>
      </c>
      <c r="V21" s="128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126"/>
      <c r="B23" s="125"/>
      <c r="C23" s="218" t="s">
        <v>25</v>
      </c>
      <c r="D23" s="221" t="s">
        <v>49</v>
      </c>
      <c r="E23" s="129"/>
      <c r="F23" s="127"/>
      <c r="G23" s="129"/>
      <c r="H23" s="69"/>
      <c r="I23" s="129"/>
      <c r="J23" s="69"/>
      <c r="K23" s="70"/>
      <c r="L23" s="70"/>
      <c r="M23" s="132"/>
      <c r="N23" s="132"/>
      <c r="O23" s="68"/>
      <c r="P23" s="129"/>
      <c r="Q23" s="69"/>
      <c r="R23" s="129"/>
      <c r="S23" s="72"/>
      <c r="T23" s="73"/>
      <c r="U23" s="69"/>
      <c r="V23" s="129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126"/>
      <c r="B24" s="125"/>
      <c r="C24" s="219"/>
      <c r="D24" s="222"/>
      <c r="E24" s="128"/>
      <c r="F24" s="130"/>
      <c r="G24" s="128"/>
      <c r="H24" s="44" t="s">
        <v>340</v>
      </c>
      <c r="I24" s="128" t="s">
        <v>23</v>
      </c>
      <c r="J24" s="44" t="s">
        <v>341</v>
      </c>
      <c r="K24" s="45" t="s">
        <v>22</v>
      </c>
      <c r="L24" s="45" t="s">
        <v>342</v>
      </c>
      <c r="M24" s="131"/>
      <c r="N24" s="131"/>
      <c r="O24" s="41"/>
      <c r="P24" s="128"/>
      <c r="Q24" s="44"/>
      <c r="R24" s="128" t="s">
        <v>343</v>
      </c>
      <c r="S24" s="46"/>
      <c r="T24" s="47" t="s">
        <v>343</v>
      </c>
      <c r="U24" s="44" t="s">
        <v>22</v>
      </c>
      <c r="V24" s="128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126"/>
      <c r="B25" s="125"/>
      <c r="C25" s="219"/>
      <c r="D25" s="222"/>
      <c r="E25" s="128"/>
      <c r="F25" s="130"/>
      <c r="G25" s="128"/>
      <c r="H25" s="44"/>
      <c r="I25" s="128"/>
      <c r="J25" s="44"/>
      <c r="K25" s="45"/>
      <c r="L25" s="45"/>
      <c r="M25" s="131"/>
      <c r="N25" s="131"/>
      <c r="O25" s="41"/>
      <c r="P25" s="128"/>
      <c r="Q25" s="44"/>
      <c r="R25" s="128"/>
      <c r="S25" s="46"/>
      <c r="T25" s="47"/>
      <c r="U25" s="44"/>
      <c r="V25" s="128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126"/>
      <c r="B26" s="56"/>
      <c r="C26" s="128"/>
      <c r="D26" s="130"/>
      <c r="E26" s="218" t="s">
        <v>21</v>
      </c>
      <c r="F26" s="221" t="s">
        <v>50</v>
      </c>
      <c r="G26" s="129"/>
      <c r="H26" s="69"/>
      <c r="I26" s="129"/>
      <c r="J26" s="69"/>
      <c r="K26" s="70"/>
      <c r="L26" s="70"/>
      <c r="M26" s="132"/>
      <c r="N26" s="132"/>
      <c r="O26" s="127"/>
      <c r="P26" s="129"/>
      <c r="Q26" s="69"/>
      <c r="R26" s="129"/>
      <c r="S26" s="72"/>
      <c r="T26" s="73"/>
      <c r="U26" s="69"/>
      <c r="V26" s="129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128"/>
      <c r="D27" s="130"/>
      <c r="E27" s="219"/>
      <c r="F27" s="222"/>
      <c r="G27" s="128"/>
      <c r="H27" s="44" t="s">
        <v>344</v>
      </c>
      <c r="I27" s="128" t="s">
        <v>23</v>
      </c>
      <c r="J27" s="44" t="s">
        <v>345</v>
      </c>
      <c r="K27" s="45" t="s">
        <v>22</v>
      </c>
      <c r="L27" s="45" t="s">
        <v>346</v>
      </c>
      <c r="M27" s="131"/>
      <c r="N27" s="131"/>
      <c r="O27" s="130"/>
      <c r="P27" s="128"/>
      <c r="Q27" s="44"/>
      <c r="R27" s="128" t="s">
        <v>347</v>
      </c>
      <c r="S27" s="46"/>
      <c r="T27" s="47" t="s">
        <v>347</v>
      </c>
      <c r="U27" s="44" t="s">
        <v>22</v>
      </c>
      <c r="V27" s="128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128"/>
      <c r="D28" s="130"/>
      <c r="E28" s="219"/>
      <c r="F28" s="222"/>
      <c r="G28" s="128"/>
      <c r="H28" s="44"/>
      <c r="I28" s="128"/>
      <c r="J28" s="44"/>
      <c r="K28" s="45"/>
      <c r="L28" s="45"/>
      <c r="M28" s="131"/>
      <c r="N28" s="131"/>
      <c r="O28" s="130"/>
      <c r="P28" s="128"/>
      <c r="Q28" s="44"/>
      <c r="R28" s="128"/>
      <c r="S28" s="46"/>
      <c r="T28" s="47"/>
      <c r="U28" s="44"/>
      <c r="V28" s="128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40"/>
      <c r="B29" s="41"/>
      <c r="C29" s="128"/>
      <c r="D29" s="41"/>
      <c r="E29" s="128"/>
      <c r="F29" s="130"/>
      <c r="G29" s="128"/>
      <c r="H29" s="44"/>
      <c r="I29" s="128"/>
      <c r="J29" s="44"/>
      <c r="K29" s="45"/>
      <c r="L29" s="45"/>
      <c r="M29" s="131"/>
      <c r="N29" s="227" t="s">
        <v>21</v>
      </c>
      <c r="O29" s="230" t="s">
        <v>591</v>
      </c>
      <c r="P29" s="129"/>
      <c r="Q29" s="69"/>
      <c r="R29" s="129"/>
      <c r="S29" s="72"/>
      <c r="T29" s="73"/>
      <c r="U29" s="69"/>
      <c r="V29" s="129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40"/>
      <c r="B30" s="41"/>
      <c r="C30" s="128"/>
      <c r="D30" s="41"/>
      <c r="E30" s="128"/>
      <c r="F30" s="130"/>
      <c r="G30" s="128"/>
      <c r="H30" s="44"/>
      <c r="I30" s="128"/>
      <c r="J30" s="44"/>
      <c r="K30" s="45"/>
      <c r="L30" s="45"/>
      <c r="M30" s="131"/>
      <c r="N30" s="228"/>
      <c r="O30" s="222"/>
      <c r="P30" s="128"/>
      <c r="Q30" s="44" t="s">
        <v>348</v>
      </c>
      <c r="R30" s="128" t="s">
        <v>349</v>
      </c>
      <c r="S30" s="46"/>
      <c r="T30" s="47" t="s">
        <v>349</v>
      </c>
      <c r="U30" s="44" t="s">
        <v>22</v>
      </c>
      <c r="V30" s="128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40"/>
      <c r="B31" s="41"/>
      <c r="C31" s="128"/>
      <c r="D31" s="41"/>
      <c r="E31" s="128"/>
      <c r="F31" s="130"/>
      <c r="G31" s="128"/>
      <c r="H31" s="44"/>
      <c r="I31" s="128"/>
      <c r="J31" s="44"/>
      <c r="K31" s="45"/>
      <c r="L31" s="45"/>
      <c r="M31" s="131"/>
      <c r="N31" s="229"/>
      <c r="O31" s="223"/>
      <c r="P31" s="128"/>
      <c r="Q31" s="44"/>
      <c r="R31" s="128"/>
      <c r="S31" s="46"/>
      <c r="T31" s="47"/>
      <c r="U31" s="44"/>
      <c r="V31" s="128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40"/>
      <c r="B32" s="41"/>
      <c r="C32" s="128"/>
      <c r="D32" s="41"/>
      <c r="E32" s="128"/>
      <c r="F32" s="41"/>
      <c r="G32" s="128"/>
      <c r="H32" s="44"/>
      <c r="I32" s="128"/>
      <c r="J32" s="44"/>
      <c r="K32" s="45"/>
      <c r="L32" s="45"/>
      <c r="M32" s="131"/>
      <c r="N32" s="227" t="s">
        <v>25</v>
      </c>
      <c r="O32" s="230" t="s">
        <v>592</v>
      </c>
      <c r="P32" s="129"/>
      <c r="Q32" s="69"/>
      <c r="R32" s="129"/>
      <c r="S32" s="72"/>
      <c r="T32" s="73"/>
      <c r="U32" s="69"/>
      <c r="V32" s="129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128"/>
      <c r="D33" s="41"/>
      <c r="E33" s="128"/>
      <c r="F33" s="41"/>
      <c r="G33" s="128"/>
      <c r="H33" s="44"/>
      <c r="I33" s="128"/>
      <c r="J33" s="44"/>
      <c r="K33" s="45"/>
      <c r="L33" s="45"/>
      <c r="M33" s="131"/>
      <c r="N33" s="228"/>
      <c r="O33" s="222"/>
      <c r="P33" s="128"/>
      <c r="Q33" s="44" t="s">
        <v>350</v>
      </c>
      <c r="R33" s="128" t="s">
        <v>351</v>
      </c>
      <c r="S33" s="46"/>
      <c r="T33" s="47" t="s">
        <v>351</v>
      </c>
      <c r="U33" s="44" t="s">
        <v>22</v>
      </c>
      <c r="V33" s="128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128"/>
      <c r="D34" s="41"/>
      <c r="E34" s="128"/>
      <c r="F34" s="41"/>
      <c r="G34" s="128"/>
      <c r="H34" s="44"/>
      <c r="I34" s="128"/>
      <c r="J34" s="44"/>
      <c r="K34" s="45"/>
      <c r="L34" s="45"/>
      <c r="M34" s="131"/>
      <c r="N34" s="229"/>
      <c r="O34" s="223"/>
      <c r="P34" s="128"/>
      <c r="Q34" s="44"/>
      <c r="R34" s="128"/>
      <c r="S34" s="46"/>
      <c r="T34" s="47"/>
      <c r="U34" s="44"/>
      <c r="V34" s="128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40"/>
      <c r="B35" s="41"/>
      <c r="C35" s="128"/>
      <c r="D35" s="41"/>
      <c r="E35" s="128"/>
      <c r="F35" s="41"/>
      <c r="G35" s="128"/>
      <c r="H35" s="44"/>
      <c r="I35" s="128"/>
      <c r="J35" s="44"/>
      <c r="K35" s="45"/>
      <c r="L35" s="45"/>
      <c r="M35" s="131"/>
      <c r="N35" s="227" t="s">
        <v>26</v>
      </c>
      <c r="O35" s="224" t="s">
        <v>623</v>
      </c>
      <c r="P35" s="129"/>
      <c r="Q35" s="69"/>
      <c r="R35" s="129"/>
      <c r="S35" s="72"/>
      <c r="T35" s="73"/>
      <c r="U35" s="69"/>
      <c r="V35" s="129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40"/>
      <c r="B36" s="41"/>
      <c r="C36" s="128"/>
      <c r="D36" s="41"/>
      <c r="E36" s="128"/>
      <c r="F36" s="41"/>
      <c r="G36" s="128"/>
      <c r="H36" s="44"/>
      <c r="I36" s="128"/>
      <c r="J36" s="44"/>
      <c r="K36" s="45"/>
      <c r="L36" s="45"/>
      <c r="M36" s="131"/>
      <c r="N36" s="228"/>
      <c r="O36" s="225"/>
      <c r="P36" s="128"/>
      <c r="Q36" s="44" t="s">
        <v>352</v>
      </c>
      <c r="R36" s="128" t="s">
        <v>353</v>
      </c>
      <c r="S36" s="46"/>
      <c r="T36" s="47" t="s">
        <v>353</v>
      </c>
      <c r="U36" s="44" t="s">
        <v>22</v>
      </c>
      <c r="V36" s="128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40"/>
      <c r="B37" s="41"/>
      <c r="C37" s="128"/>
      <c r="D37" s="41"/>
      <c r="E37" s="128"/>
      <c r="F37" s="41"/>
      <c r="G37" s="128"/>
      <c r="H37" s="44"/>
      <c r="I37" s="128"/>
      <c r="J37" s="44"/>
      <c r="K37" s="45"/>
      <c r="L37" s="45"/>
      <c r="M37" s="131"/>
      <c r="N37" s="229"/>
      <c r="O37" s="226"/>
      <c r="P37" s="128"/>
      <c r="Q37" s="44"/>
      <c r="R37" s="128"/>
      <c r="S37" s="46"/>
      <c r="T37" s="47"/>
      <c r="U37" s="44"/>
      <c r="V37" s="128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40"/>
      <c r="B38" s="41"/>
      <c r="C38" s="128"/>
      <c r="D38" s="41"/>
      <c r="E38" s="128"/>
      <c r="F38" s="41"/>
      <c r="G38" s="128"/>
      <c r="H38" s="44"/>
      <c r="I38" s="128"/>
      <c r="J38" s="44"/>
      <c r="K38" s="45"/>
      <c r="L38" s="45"/>
      <c r="M38" s="131"/>
      <c r="N38" s="227" t="s">
        <v>31</v>
      </c>
      <c r="O38" s="224" t="s">
        <v>624</v>
      </c>
      <c r="P38" s="129"/>
      <c r="Q38" s="69"/>
      <c r="R38" s="129"/>
      <c r="S38" s="72"/>
      <c r="T38" s="73"/>
      <c r="U38" s="69"/>
      <c r="V38" s="129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128"/>
      <c r="D39" s="41"/>
      <c r="E39" s="128"/>
      <c r="F39" s="41"/>
      <c r="G39" s="128"/>
      <c r="H39" s="44"/>
      <c r="I39" s="128"/>
      <c r="J39" s="44"/>
      <c r="K39" s="45"/>
      <c r="L39" s="45"/>
      <c r="M39" s="131"/>
      <c r="N39" s="228"/>
      <c r="O39" s="225"/>
      <c r="P39" s="128"/>
      <c r="Q39" s="44" t="s">
        <v>354</v>
      </c>
      <c r="R39" s="128" t="s">
        <v>355</v>
      </c>
      <c r="S39" s="46"/>
      <c r="T39" s="47" t="s">
        <v>355</v>
      </c>
      <c r="U39" s="44" t="s">
        <v>22</v>
      </c>
      <c r="V39" s="128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40"/>
      <c r="B40" s="41"/>
      <c r="C40" s="128"/>
      <c r="D40" s="41"/>
      <c r="E40" s="128"/>
      <c r="F40" s="41"/>
      <c r="G40" s="128"/>
      <c r="H40" s="44"/>
      <c r="I40" s="128"/>
      <c r="J40" s="44"/>
      <c r="K40" s="45"/>
      <c r="L40" s="45"/>
      <c r="M40" s="131"/>
      <c r="N40" s="229"/>
      <c r="O40" s="226"/>
      <c r="P40" s="128"/>
      <c r="Q40" s="44"/>
      <c r="R40" s="128"/>
      <c r="S40" s="46"/>
      <c r="T40" s="47"/>
      <c r="U40" s="44"/>
      <c r="V40" s="128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126"/>
      <c r="B41" s="125"/>
      <c r="C41" s="128"/>
      <c r="D41" s="130"/>
      <c r="E41" s="218" t="s">
        <v>25</v>
      </c>
      <c r="F41" s="221" t="s">
        <v>51</v>
      </c>
      <c r="G41" s="129"/>
      <c r="H41" s="69"/>
      <c r="I41" s="129"/>
      <c r="J41" s="69"/>
      <c r="K41" s="70"/>
      <c r="L41" s="70"/>
      <c r="M41" s="132"/>
      <c r="N41" s="132"/>
      <c r="O41" s="68"/>
      <c r="P41" s="129"/>
      <c r="Q41" s="69"/>
      <c r="R41" s="129"/>
      <c r="S41" s="72"/>
      <c r="T41" s="73"/>
      <c r="U41" s="69"/>
      <c r="V41" s="129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126"/>
      <c r="B42" s="125"/>
      <c r="C42" s="128"/>
      <c r="D42" s="130"/>
      <c r="E42" s="219"/>
      <c r="F42" s="222"/>
      <c r="G42" s="128"/>
      <c r="H42" s="44" t="s">
        <v>356</v>
      </c>
      <c r="I42" s="128" t="s">
        <v>23</v>
      </c>
      <c r="J42" s="44" t="s">
        <v>357</v>
      </c>
      <c r="K42" s="45" t="s">
        <v>22</v>
      </c>
      <c r="L42" s="45" t="s">
        <v>358</v>
      </c>
      <c r="M42" s="131"/>
      <c r="N42" s="131"/>
      <c r="O42" s="41"/>
      <c r="P42" s="128"/>
      <c r="Q42" s="44"/>
      <c r="R42" s="128" t="s">
        <v>359</v>
      </c>
      <c r="S42" s="46"/>
      <c r="T42" s="47" t="s">
        <v>359</v>
      </c>
      <c r="U42" s="44" t="s">
        <v>22</v>
      </c>
      <c r="V42" s="128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126"/>
      <c r="B43" s="125"/>
      <c r="C43" s="128"/>
      <c r="D43" s="130"/>
      <c r="E43" s="219"/>
      <c r="F43" s="222"/>
      <c r="G43" s="128"/>
      <c r="H43" s="44"/>
      <c r="I43" s="128"/>
      <c r="J43" s="44"/>
      <c r="K43" s="45"/>
      <c r="L43" s="45"/>
      <c r="M43" s="131"/>
      <c r="N43" s="131"/>
      <c r="O43" s="41"/>
      <c r="P43" s="128"/>
      <c r="Q43" s="44"/>
      <c r="R43" s="128"/>
      <c r="S43" s="46"/>
      <c r="T43" s="47"/>
      <c r="U43" s="44"/>
      <c r="V43" s="128"/>
      <c r="W43" s="44"/>
      <c r="X43" s="33"/>
      <c r="Y43" s="33"/>
      <c r="Z43" s="33"/>
      <c r="AA43" s="33"/>
      <c r="AB43" s="34"/>
      <c r="AC43" s="34"/>
      <c r="AD43" s="34"/>
      <c r="AE43" s="34"/>
      <c r="AF43" s="34"/>
      <c r="AG43" s="34"/>
      <c r="AH43" s="34"/>
      <c r="AI43" s="34"/>
      <c r="AJ43" s="34"/>
      <c r="AK43" s="35"/>
      <c r="AL43" s="35"/>
      <c r="AM43" s="36"/>
    </row>
    <row r="44" spans="1:39" s="59" customFormat="1" ht="9.75" customHeight="1">
      <c r="A44" s="126"/>
      <c r="B44" s="56"/>
      <c r="C44" s="128"/>
      <c r="D44" s="130"/>
      <c r="E44" s="128"/>
      <c r="F44" s="130"/>
      <c r="G44" s="128"/>
      <c r="H44" s="44"/>
      <c r="I44" s="128"/>
      <c r="J44" s="44"/>
      <c r="K44" s="45"/>
      <c r="L44" s="45"/>
      <c r="M44" s="131"/>
      <c r="N44" s="227" t="s">
        <v>21</v>
      </c>
      <c r="O44" s="221" t="s">
        <v>360</v>
      </c>
      <c r="P44" s="129"/>
      <c r="Q44" s="69"/>
      <c r="R44" s="129"/>
      <c r="S44" s="72"/>
      <c r="T44" s="73"/>
      <c r="U44" s="69"/>
      <c r="V44" s="129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40"/>
      <c r="B45" s="41"/>
      <c r="C45" s="128"/>
      <c r="D45" s="130"/>
      <c r="E45" s="128"/>
      <c r="F45" s="130"/>
      <c r="G45" s="128"/>
      <c r="H45" s="44"/>
      <c r="I45" s="128"/>
      <c r="J45" s="44"/>
      <c r="K45" s="45"/>
      <c r="L45" s="45"/>
      <c r="M45" s="131"/>
      <c r="N45" s="228"/>
      <c r="O45" s="222"/>
      <c r="P45" s="128"/>
      <c r="Q45" s="44" t="s">
        <v>361</v>
      </c>
      <c r="R45" s="128" t="s">
        <v>362</v>
      </c>
      <c r="S45" s="46"/>
      <c r="T45" s="47" t="s">
        <v>362</v>
      </c>
      <c r="U45" s="44" t="s">
        <v>22</v>
      </c>
      <c r="V45" s="128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40"/>
      <c r="B46" s="41"/>
      <c r="C46" s="128"/>
      <c r="D46" s="130"/>
      <c r="E46" s="128"/>
      <c r="F46" s="130"/>
      <c r="G46" s="128"/>
      <c r="H46" s="44"/>
      <c r="I46" s="128"/>
      <c r="J46" s="44"/>
      <c r="K46" s="45"/>
      <c r="L46" s="45"/>
      <c r="M46" s="131"/>
      <c r="N46" s="229"/>
      <c r="O46" s="223"/>
      <c r="P46" s="128"/>
      <c r="Q46" s="44"/>
      <c r="R46" s="128"/>
      <c r="S46" s="46"/>
      <c r="T46" s="47"/>
      <c r="U46" s="44"/>
      <c r="V46" s="128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40"/>
      <c r="B47" s="41"/>
      <c r="C47" s="128"/>
      <c r="D47" s="41"/>
      <c r="E47" s="128"/>
      <c r="F47" s="130"/>
      <c r="G47" s="128"/>
      <c r="H47" s="44"/>
      <c r="I47" s="128"/>
      <c r="J47" s="44"/>
      <c r="K47" s="45"/>
      <c r="L47" s="45"/>
      <c r="M47" s="131"/>
      <c r="N47" s="227" t="s">
        <v>25</v>
      </c>
      <c r="O47" s="224" t="s">
        <v>625</v>
      </c>
      <c r="P47" s="129"/>
      <c r="Q47" s="69"/>
      <c r="R47" s="129"/>
      <c r="S47" s="72"/>
      <c r="T47" s="73"/>
      <c r="U47" s="69"/>
      <c r="V47" s="129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128"/>
      <c r="D48" s="41"/>
      <c r="E48" s="128"/>
      <c r="F48" s="130"/>
      <c r="G48" s="128"/>
      <c r="H48" s="44"/>
      <c r="I48" s="128"/>
      <c r="J48" s="44"/>
      <c r="K48" s="45"/>
      <c r="L48" s="45"/>
      <c r="M48" s="131"/>
      <c r="N48" s="228"/>
      <c r="O48" s="225"/>
      <c r="P48" s="128"/>
      <c r="Q48" s="44" t="s">
        <v>363</v>
      </c>
      <c r="R48" s="128" t="s">
        <v>364</v>
      </c>
      <c r="S48" s="46"/>
      <c r="T48" s="47" t="s">
        <v>364</v>
      </c>
      <c r="U48" s="44" t="s">
        <v>22</v>
      </c>
      <c r="V48" s="128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128"/>
      <c r="D49" s="41"/>
      <c r="E49" s="128"/>
      <c r="F49" s="130"/>
      <c r="G49" s="128"/>
      <c r="H49" s="44"/>
      <c r="I49" s="128"/>
      <c r="J49" s="44"/>
      <c r="K49" s="45"/>
      <c r="L49" s="45"/>
      <c r="M49" s="131"/>
      <c r="N49" s="229"/>
      <c r="O49" s="226"/>
      <c r="P49" s="128"/>
      <c r="Q49" s="44"/>
      <c r="R49" s="128"/>
      <c r="S49" s="46"/>
      <c r="T49" s="47"/>
      <c r="U49" s="44"/>
      <c r="V49" s="128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40"/>
      <c r="B50" s="41"/>
      <c r="C50" s="128"/>
      <c r="D50" s="41"/>
      <c r="E50" s="128"/>
      <c r="F50" s="41"/>
      <c r="G50" s="128"/>
      <c r="H50" s="44"/>
      <c r="I50" s="128"/>
      <c r="J50" s="44"/>
      <c r="K50" s="45"/>
      <c r="L50" s="45"/>
      <c r="M50" s="131"/>
      <c r="N50" s="227" t="s">
        <v>26</v>
      </c>
      <c r="O50" s="230" t="s">
        <v>593</v>
      </c>
      <c r="P50" s="129"/>
      <c r="Q50" s="69"/>
      <c r="R50" s="129"/>
      <c r="S50" s="72"/>
      <c r="T50" s="73"/>
      <c r="U50" s="69"/>
      <c r="V50" s="129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40"/>
      <c r="B51" s="41"/>
      <c r="C51" s="128"/>
      <c r="D51" s="41"/>
      <c r="E51" s="128"/>
      <c r="F51" s="41"/>
      <c r="G51" s="128"/>
      <c r="H51" s="44"/>
      <c r="I51" s="128"/>
      <c r="J51" s="44"/>
      <c r="K51" s="45"/>
      <c r="L51" s="45"/>
      <c r="M51" s="131"/>
      <c r="N51" s="228"/>
      <c r="O51" s="222"/>
      <c r="P51" s="128"/>
      <c r="Q51" s="44" t="s">
        <v>365</v>
      </c>
      <c r="R51" s="128" t="s">
        <v>365</v>
      </c>
      <c r="S51" s="46"/>
      <c r="T51" s="47" t="s">
        <v>365</v>
      </c>
      <c r="U51" s="44" t="s">
        <v>22</v>
      </c>
      <c r="V51" s="128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40"/>
      <c r="B52" s="41"/>
      <c r="C52" s="91"/>
      <c r="D52" s="90"/>
      <c r="E52" s="91"/>
      <c r="F52" s="90"/>
      <c r="G52" s="91"/>
      <c r="H52" s="92"/>
      <c r="I52" s="91"/>
      <c r="J52" s="92"/>
      <c r="K52" s="48"/>
      <c r="L52" s="48"/>
      <c r="M52" s="49"/>
      <c r="N52" s="229"/>
      <c r="O52" s="223"/>
      <c r="P52" s="91"/>
      <c r="Q52" s="92"/>
      <c r="R52" s="91"/>
      <c r="S52" s="93"/>
      <c r="T52" s="94"/>
      <c r="U52" s="92"/>
      <c r="V52" s="91"/>
      <c r="W52" s="92"/>
      <c r="X52" s="95"/>
      <c r="Y52" s="95"/>
      <c r="Z52" s="95"/>
      <c r="AA52" s="95"/>
      <c r="AB52" s="96"/>
      <c r="AC52" s="96"/>
      <c r="AD52" s="96"/>
      <c r="AE52" s="96"/>
      <c r="AF52" s="96"/>
      <c r="AG52" s="96"/>
      <c r="AH52" s="96"/>
      <c r="AI52" s="96"/>
      <c r="AJ52" s="96"/>
      <c r="AK52" s="97"/>
      <c r="AL52" s="97"/>
      <c r="AM52" s="98"/>
    </row>
    <row r="53" spans="1:39" s="59" customFormat="1" ht="9.75" customHeight="1">
      <c r="A53" s="126"/>
      <c r="B53" s="125"/>
      <c r="C53" s="218" t="s">
        <v>26</v>
      </c>
      <c r="D53" s="221" t="s">
        <v>52</v>
      </c>
      <c r="E53" s="129"/>
      <c r="F53" s="127"/>
      <c r="G53" s="129"/>
      <c r="H53" s="69"/>
      <c r="I53" s="129"/>
      <c r="J53" s="69"/>
      <c r="K53" s="70"/>
      <c r="L53" s="70"/>
      <c r="M53" s="132"/>
      <c r="N53" s="132"/>
      <c r="O53" s="68"/>
      <c r="P53" s="129"/>
      <c r="Q53" s="69"/>
      <c r="R53" s="129"/>
      <c r="S53" s="72"/>
      <c r="T53" s="73"/>
      <c r="U53" s="69"/>
      <c r="V53" s="129"/>
      <c r="W53" s="69"/>
      <c r="X53" s="74" t="s">
        <v>1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/>
    </row>
    <row r="54" spans="1:39" s="59" customFormat="1" ht="9.75" customHeight="1">
      <c r="A54" s="126"/>
      <c r="B54" s="125"/>
      <c r="C54" s="219"/>
      <c r="D54" s="222"/>
      <c r="E54" s="128"/>
      <c r="F54" s="130"/>
      <c r="G54" s="128"/>
      <c r="H54" s="44" t="s">
        <v>366</v>
      </c>
      <c r="I54" s="128" t="s">
        <v>23</v>
      </c>
      <c r="J54" s="44" t="s">
        <v>367</v>
      </c>
      <c r="K54" s="45" t="s">
        <v>22</v>
      </c>
      <c r="L54" s="45" t="s">
        <v>368</v>
      </c>
      <c r="M54" s="131"/>
      <c r="N54" s="131"/>
      <c r="O54" s="41"/>
      <c r="P54" s="128"/>
      <c r="Q54" s="44"/>
      <c r="R54" s="128" t="s">
        <v>369</v>
      </c>
      <c r="S54" s="46"/>
      <c r="T54" s="47" t="s">
        <v>369</v>
      </c>
      <c r="U54" s="44" t="s">
        <v>22</v>
      </c>
      <c r="V54" s="128"/>
      <c r="W54" s="44" t="s">
        <v>22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126"/>
      <c r="B55" s="125"/>
      <c r="C55" s="219"/>
      <c r="D55" s="222"/>
      <c r="E55" s="128"/>
      <c r="F55" s="130"/>
      <c r="G55" s="128"/>
      <c r="H55" s="44"/>
      <c r="I55" s="128"/>
      <c r="J55" s="44"/>
      <c r="K55" s="45"/>
      <c r="L55" s="45"/>
      <c r="M55" s="131"/>
      <c r="N55" s="131"/>
      <c r="O55" s="41"/>
      <c r="P55" s="128"/>
      <c r="Q55" s="44"/>
      <c r="R55" s="128"/>
      <c r="S55" s="46"/>
      <c r="T55" s="47"/>
      <c r="U55" s="44"/>
      <c r="V55" s="128"/>
      <c r="W55" s="44"/>
      <c r="X55" s="33"/>
      <c r="Y55" s="33"/>
      <c r="Z55" s="33"/>
      <c r="AA55" s="33"/>
      <c r="AB55" s="34"/>
      <c r="AC55" s="34"/>
      <c r="AD55" s="34"/>
      <c r="AE55" s="34"/>
      <c r="AF55" s="34"/>
      <c r="AG55" s="34"/>
      <c r="AH55" s="34"/>
      <c r="AI55" s="34"/>
      <c r="AJ55" s="34"/>
      <c r="AK55" s="35"/>
      <c r="AL55" s="35"/>
      <c r="AM55" s="36"/>
    </row>
    <row r="56" spans="1:39" s="59" customFormat="1" ht="9.75" customHeight="1">
      <c r="A56" s="126"/>
      <c r="B56" s="56"/>
      <c r="C56" s="128"/>
      <c r="D56" s="130"/>
      <c r="E56" s="218" t="s">
        <v>21</v>
      </c>
      <c r="F56" s="221" t="s">
        <v>53</v>
      </c>
      <c r="G56" s="129"/>
      <c r="H56" s="69"/>
      <c r="I56" s="129"/>
      <c r="J56" s="69"/>
      <c r="K56" s="70"/>
      <c r="L56" s="70"/>
      <c r="M56" s="132"/>
      <c r="N56" s="132"/>
      <c r="O56" s="127"/>
      <c r="P56" s="129"/>
      <c r="Q56" s="69"/>
      <c r="R56" s="129"/>
      <c r="S56" s="72"/>
      <c r="T56" s="73"/>
      <c r="U56" s="69"/>
      <c r="V56" s="129"/>
      <c r="W56" s="69"/>
      <c r="X56" s="74" t="s">
        <v>1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/>
    </row>
    <row r="57" spans="1:39" s="59" customFormat="1" ht="9.75" customHeight="1">
      <c r="A57" s="40"/>
      <c r="B57" s="41"/>
      <c r="C57" s="128"/>
      <c r="D57" s="130"/>
      <c r="E57" s="219"/>
      <c r="F57" s="222"/>
      <c r="G57" s="128"/>
      <c r="H57" s="44" t="s">
        <v>366</v>
      </c>
      <c r="I57" s="128" t="s">
        <v>23</v>
      </c>
      <c r="J57" s="44" t="s">
        <v>367</v>
      </c>
      <c r="K57" s="45" t="s">
        <v>22</v>
      </c>
      <c r="L57" s="45" t="s">
        <v>368</v>
      </c>
      <c r="M57" s="131"/>
      <c r="N57" s="131"/>
      <c r="O57" s="130"/>
      <c r="P57" s="128"/>
      <c r="Q57" s="44"/>
      <c r="R57" s="128" t="s">
        <v>369</v>
      </c>
      <c r="S57" s="46"/>
      <c r="T57" s="47" t="s">
        <v>369</v>
      </c>
      <c r="U57" s="44" t="s">
        <v>22</v>
      </c>
      <c r="V57" s="128"/>
      <c r="W57" s="44" t="s">
        <v>22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40"/>
      <c r="B58" s="41"/>
      <c r="C58" s="128"/>
      <c r="D58" s="130"/>
      <c r="E58" s="219"/>
      <c r="F58" s="222"/>
      <c r="G58" s="128"/>
      <c r="H58" s="44"/>
      <c r="I58" s="128"/>
      <c r="J58" s="44"/>
      <c r="K58" s="45"/>
      <c r="L58" s="45"/>
      <c r="M58" s="131"/>
      <c r="N58" s="131"/>
      <c r="O58" s="130"/>
      <c r="P58" s="128"/>
      <c r="Q58" s="44"/>
      <c r="R58" s="128"/>
      <c r="S58" s="46"/>
      <c r="T58" s="47"/>
      <c r="U58" s="44"/>
      <c r="V58" s="128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40"/>
      <c r="B59" s="41"/>
      <c r="C59" s="128"/>
      <c r="D59" s="41"/>
      <c r="E59" s="128"/>
      <c r="F59" s="130"/>
      <c r="G59" s="128"/>
      <c r="H59" s="44"/>
      <c r="I59" s="128"/>
      <c r="J59" s="44"/>
      <c r="K59" s="45"/>
      <c r="L59" s="45"/>
      <c r="M59" s="131"/>
      <c r="N59" s="227" t="s">
        <v>21</v>
      </c>
      <c r="O59" s="221" t="s">
        <v>55</v>
      </c>
      <c r="P59" s="129"/>
      <c r="Q59" s="69"/>
      <c r="R59" s="129"/>
      <c r="S59" s="72"/>
      <c r="T59" s="73"/>
      <c r="U59" s="69"/>
      <c r="V59" s="129"/>
      <c r="W59" s="69"/>
      <c r="X59" s="74" t="s">
        <v>1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/>
    </row>
    <row r="60" spans="1:39" s="59" customFormat="1" ht="9.75" customHeight="1">
      <c r="A60" s="40"/>
      <c r="B60" s="41"/>
      <c r="C60" s="128"/>
      <c r="D60" s="41"/>
      <c r="E60" s="128"/>
      <c r="F60" s="130"/>
      <c r="G60" s="128"/>
      <c r="H60" s="44"/>
      <c r="I60" s="128"/>
      <c r="J60" s="44"/>
      <c r="K60" s="45"/>
      <c r="L60" s="45"/>
      <c r="M60" s="131"/>
      <c r="N60" s="228"/>
      <c r="O60" s="222"/>
      <c r="P60" s="128"/>
      <c r="Q60" s="44" t="s">
        <v>368</v>
      </c>
      <c r="R60" s="128" t="s">
        <v>369</v>
      </c>
      <c r="S60" s="46"/>
      <c r="T60" s="47" t="s">
        <v>369</v>
      </c>
      <c r="U60" s="44" t="s">
        <v>22</v>
      </c>
      <c r="V60" s="128"/>
      <c r="W60" s="44" t="s">
        <v>22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40"/>
      <c r="B61" s="41"/>
      <c r="C61" s="91"/>
      <c r="D61" s="90"/>
      <c r="E61" s="91"/>
      <c r="F61" s="102"/>
      <c r="G61" s="91"/>
      <c r="H61" s="92"/>
      <c r="I61" s="91"/>
      <c r="J61" s="92"/>
      <c r="K61" s="48"/>
      <c r="L61" s="48"/>
      <c r="M61" s="49"/>
      <c r="N61" s="229"/>
      <c r="O61" s="223"/>
      <c r="P61" s="91"/>
      <c r="Q61" s="92"/>
      <c r="R61" s="91"/>
      <c r="S61" s="93"/>
      <c r="T61" s="94"/>
      <c r="U61" s="92"/>
      <c r="V61" s="91"/>
      <c r="W61" s="92"/>
      <c r="X61" s="95"/>
      <c r="Y61" s="95"/>
      <c r="Z61" s="95"/>
      <c r="AA61" s="95"/>
      <c r="AB61" s="96"/>
      <c r="AC61" s="96"/>
      <c r="AD61" s="96"/>
      <c r="AE61" s="96"/>
      <c r="AF61" s="96"/>
      <c r="AG61" s="96"/>
      <c r="AH61" s="96"/>
      <c r="AI61" s="96"/>
      <c r="AJ61" s="96"/>
      <c r="AK61" s="97"/>
      <c r="AL61" s="97"/>
      <c r="AM61" s="98"/>
    </row>
    <row r="62" spans="1:39" s="59" customFormat="1" ht="9.75" customHeight="1">
      <c r="A62" s="126"/>
      <c r="B62" s="125"/>
      <c r="C62" s="218" t="s">
        <v>31</v>
      </c>
      <c r="D62" s="221" t="s">
        <v>66</v>
      </c>
      <c r="E62" s="129"/>
      <c r="F62" s="127"/>
      <c r="G62" s="129"/>
      <c r="H62" s="69"/>
      <c r="I62" s="129"/>
      <c r="J62" s="69"/>
      <c r="K62" s="70"/>
      <c r="L62" s="70"/>
      <c r="M62" s="132"/>
      <c r="N62" s="132"/>
      <c r="O62" s="68"/>
      <c r="P62" s="129"/>
      <c r="Q62" s="69"/>
      <c r="R62" s="129"/>
      <c r="S62" s="72"/>
      <c r="T62" s="73"/>
      <c r="U62" s="69"/>
      <c r="V62" s="129"/>
      <c r="W62" s="69"/>
      <c r="X62" s="74" t="s">
        <v>1</v>
      </c>
      <c r="Y62" s="74"/>
      <c r="Z62" s="74"/>
      <c r="AA62" s="74"/>
      <c r="AB62" s="75"/>
      <c r="AC62" s="75"/>
      <c r="AD62" s="75"/>
      <c r="AE62" s="75"/>
      <c r="AF62" s="75"/>
      <c r="AG62" s="75"/>
      <c r="AH62" s="75"/>
      <c r="AI62" s="75"/>
      <c r="AJ62" s="75"/>
      <c r="AK62" s="25"/>
      <c r="AL62" s="25"/>
      <c r="AM62" s="32"/>
    </row>
    <row r="63" spans="1:39" s="59" customFormat="1" ht="9.75" customHeight="1">
      <c r="A63" s="126"/>
      <c r="B63" s="125"/>
      <c r="C63" s="219"/>
      <c r="D63" s="222"/>
      <c r="E63" s="128"/>
      <c r="F63" s="130"/>
      <c r="G63" s="128"/>
      <c r="H63" s="44" t="s">
        <v>370</v>
      </c>
      <c r="I63" s="128" t="s">
        <v>23</v>
      </c>
      <c r="J63" s="44" t="s">
        <v>371</v>
      </c>
      <c r="K63" s="45" t="s">
        <v>22</v>
      </c>
      <c r="L63" s="45" t="s">
        <v>372</v>
      </c>
      <c r="M63" s="131"/>
      <c r="N63" s="131"/>
      <c r="O63" s="41"/>
      <c r="P63" s="128"/>
      <c r="Q63" s="44"/>
      <c r="R63" s="128" t="s">
        <v>373</v>
      </c>
      <c r="S63" s="46"/>
      <c r="T63" s="47" t="s">
        <v>373</v>
      </c>
      <c r="U63" s="44" t="s">
        <v>22</v>
      </c>
      <c r="V63" s="128"/>
      <c r="W63" s="44" t="s">
        <v>22</v>
      </c>
      <c r="X63" s="33"/>
      <c r="Y63" s="33"/>
      <c r="Z63" s="33"/>
      <c r="AA63" s="33"/>
      <c r="AB63" s="34"/>
      <c r="AC63" s="34"/>
      <c r="AD63" s="34"/>
      <c r="AE63" s="34"/>
      <c r="AF63" s="34"/>
      <c r="AG63" s="34"/>
      <c r="AH63" s="34"/>
      <c r="AI63" s="34"/>
      <c r="AJ63" s="34"/>
      <c r="AK63" s="35"/>
      <c r="AL63" s="35"/>
      <c r="AM63" s="36"/>
    </row>
    <row r="64" spans="1:39" s="59" customFormat="1" ht="9.75" customHeight="1">
      <c r="A64" s="126"/>
      <c r="B64" s="125"/>
      <c r="C64" s="219"/>
      <c r="D64" s="222"/>
      <c r="E64" s="128"/>
      <c r="F64" s="130"/>
      <c r="G64" s="128"/>
      <c r="H64" s="44"/>
      <c r="I64" s="128"/>
      <c r="J64" s="44"/>
      <c r="K64" s="45"/>
      <c r="L64" s="45"/>
      <c r="M64" s="131"/>
      <c r="N64" s="131"/>
      <c r="O64" s="41"/>
      <c r="P64" s="128"/>
      <c r="Q64" s="44"/>
      <c r="R64" s="128"/>
      <c r="S64" s="46"/>
      <c r="T64" s="47"/>
      <c r="U64" s="44"/>
      <c r="V64" s="128"/>
      <c r="W64" s="44"/>
      <c r="X64" s="33"/>
      <c r="Y64" s="33"/>
      <c r="Z64" s="33"/>
      <c r="AA64" s="33"/>
      <c r="AB64" s="34"/>
      <c r="AC64" s="34"/>
      <c r="AD64" s="34"/>
      <c r="AE64" s="34"/>
      <c r="AF64" s="34"/>
      <c r="AG64" s="34"/>
      <c r="AH64" s="34"/>
      <c r="AI64" s="34"/>
      <c r="AJ64" s="34"/>
      <c r="AK64" s="35"/>
      <c r="AL64" s="35"/>
      <c r="AM64" s="36"/>
    </row>
    <row r="65" spans="1:39" s="59" customFormat="1" ht="9.75" customHeight="1">
      <c r="A65" s="126"/>
      <c r="B65" s="56"/>
      <c r="C65" s="128"/>
      <c r="D65" s="130"/>
      <c r="E65" s="218" t="s">
        <v>21</v>
      </c>
      <c r="F65" s="230" t="s">
        <v>571</v>
      </c>
      <c r="G65" s="129"/>
      <c r="H65" s="69"/>
      <c r="I65" s="129"/>
      <c r="J65" s="69"/>
      <c r="K65" s="70"/>
      <c r="L65" s="70"/>
      <c r="M65" s="132"/>
      <c r="N65" s="132"/>
      <c r="O65" s="127"/>
      <c r="P65" s="129"/>
      <c r="Q65" s="69"/>
      <c r="R65" s="129"/>
      <c r="S65" s="72"/>
      <c r="T65" s="73"/>
      <c r="U65" s="69"/>
      <c r="V65" s="129"/>
      <c r="W65" s="69"/>
      <c r="X65" s="74" t="s">
        <v>1</v>
      </c>
      <c r="Y65" s="74"/>
      <c r="Z65" s="74"/>
      <c r="AA65" s="74"/>
      <c r="AB65" s="75"/>
      <c r="AC65" s="75"/>
      <c r="AD65" s="75"/>
      <c r="AE65" s="75"/>
      <c r="AF65" s="75"/>
      <c r="AG65" s="75"/>
      <c r="AH65" s="75"/>
      <c r="AI65" s="75"/>
      <c r="AJ65" s="75"/>
      <c r="AK65" s="25"/>
      <c r="AL65" s="25"/>
      <c r="AM65" s="32"/>
    </row>
    <row r="66" spans="1:39" s="59" customFormat="1" ht="9.75" customHeight="1">
      <c r="A66" s="40"/>
      <c r="B66" s="41"/>
      <c r="C66" s="128"/>
      <c r="D66" s="130"/>
      <c r="E66" s="219"/>
      <c r="F66" s="222"/>
      <c r="G66" s="128"/>
      <c r="H66" s="44" t="s">
        <v>374</v>
      </c>
      <c r="I66" s="128" t="s">
        <v>23</v>
      </c>
      <c r="J66" s="44" t="s">
        <v>375</v>
      </c>
      <c r="K66" s="45" t="s">
        <v>22</v>
      </c>
      <c r="L66" s="45" t="s">
        <v>376</v>
      </c>
      <c r="M66" s="131"/>
      <c r="N66" s="131"/>
      <c r="O66" s="130"/>
      <c r="P66" s="128"/>
      <c r="Q66" s="44"/>
      <c r="R66" s="128" t="s">
        <v>377</v>
      </c>
      <c r="S66" s="46"/>
      <c r="T66" s="47" t="s">
        <v>377</v>
      </c>
      <c r="U66" s="44" t="s">
        <v>22</v>
      </c>
      <c r="V66" s="128"/>
      <c r="W66" s="44" t="s">
        <v>22</v>
      </c>
      <c r="X66" s="33"/>
      <c r="Y66" s="33"/>
      <c r="Z66" s="33"/>
      <c r="AA66" s="33"/>
      <c r="AB66" s="34"/>
      <c r="AC66" s="34"/>
      <c r="AD66" s="34"/>
      <c r="AE66" s="34"/>
      <c r="AF66" s="34"/>
      <c r="AG66" s="34"/>
      <c r="AH66" s="34"/>
      <c r="AI66" s="34"/>
      <c r="AJ66" s="34"/>
      <c r="AK66" s="35"/>
      <c r="AL66" s="35"/>
      <c r="AM66" s="36"/>
    </row>
    <row r="67" spans="1:39" s="59" customFormat="1" ht="9.75" customHeight="1">
      <c r="A67" s="40"/>
      <c r="B67" s="41"/>
      <c r="C67" s="128"/>
      <c r="D67" s="130"/>
      <c r="E67" s="220"/>
      <c r="F67" s="223"/>
      <c r="G67" s="128"/>
      <c r="H67" s="44"/>
      <c r="I67" s="128"/>
      <c r="J67" s="44"/>
      <c r="K67" s="45"/>
      <c r="L67" s="45"/>
      <c r="M67" s="131"/>
      <c r="N67" s="131"/>
      <c r="O67" s="130"/>
      <c r="P67" s="128"/>
      <c r="Q67" s="44"/>
      <c r="R67" s="128"/>
      <c r="S67" s="46"/>
      <c r="T67" s="47"/>
      <c r="U67" s="44"/>
      <c r="V67" s="128"/>
      <c r="W67" s="44"/>
      <c r="X67" s="33"/>
      <c r="Y67" s="33"/>
      <c r="Z67" s="33"/>
      <c r="AA67" s="33"/>
      <c r="AB67" s="34"/>
      <c r="AC67" s="34"/>
      <c r="AD67" s="34"/>
      <c r="AE67" s="34"/>
      <c r="AF67" s="34"/>
      <c r="AG67" s="34"/>
      <c r="AH67" s="34"/>
      <c r="AI67" s="34"/>
      <c r="AJ67" s="34"/>
      <c r="AK67" s="35"/>
      <c r="AL67" s="35"/>
      <c r="AM67" s="36"/>
    </row>
    <row r="68" spans="1:39" s="59" customFormat="1" ht="9.75" customHeight="1">
      <c r="A68" s="126"/>
      <c r="B68" s="125"/>
      <c r="C68" s="128"/>
      <c r="D68" s="130"/>
      <c r="E68" s="218" t="s">
        <v>25</v>
      </c>
      <c r="F68" s="221" t="s">
        <v>78</v>
      </c>
      <c r="G68" s="129"/>
      <c r="H68" s="69"/>
      <c r="I68" s="129"/>
      <c r="J68" s="69"/>
      <c r="K68" s="70"/>
      <c r="L68" s="70"/>
      <c r="M68" s="132"/>
      <c r="N68" s="132"/>
      <c r="O68" s="68"/>
      <c r="P68" s="129"/>
      <c r="Q68" s="69"/>
      <c r="R68" s="129"/>
      <c r="S68" s="72"/>
      <c r="T68" s="73"/>
      <c r="U68" s="69"/>
      <c r="V68" s="129"/>
      <c r="W68" s="69"/>
      <c r="X68" s="74" t="s">
        <v>1</v>
      </c>
      <c r="Y68" s="74"/>
      <c r="Z68" s="74"/>
      <c r="AA68" s="74"/>
      <c r="AB68" s="75"/>
      <c r="AC68" s="75"/>
      <c r="AD68" s="75"/>
      <c r="AE68" s="75"/>
      <c r="AF68" s="75"/>
      <c r="AG68" s="75"/>
      <c r="AH68" s="75"/>
      <c r="AI68" s="75"/>
      <c r="AJ68" s="75"/>
      <c r="AK68" s="25"/>
      <c r="AL68" s="25"/>
      <c r="AM68" s="32"/>
    </row>
    <row r="69" spans="1:39" s="59" customFormat="1" ht="9.75" customHeight="1">
      <c r="A69" s="126"/>
      <c r="B69" s="125"/>
      <c r="C69" s="128"/>
      <c r="D69" s="130"/>
      <c r="E69" s="219"/>
      <c r="F69" s="222"/>
      <c r="G69" s="128"/>
      <c r="H69" s="44" t="s">
        <v>378</v>
      </c>
      <c r="I69" s="128" t="s">
        <v>23</v>
      </c>
      <c r="J69" s="44" t="s">
        <v>67</v>
      </c>
      <c r="K69" s="45" t="s">
        <v>22</v>
      </c>
      <c r="L69" s="45" t="s">
        <v>379</v>
      </c>
      <c r="M69" s="131"/>
      <c r="N69" s="131"/>
      <c r="O69" s="41"/>
      <c r="P69" s="128"/>
      <c r="Q69" s="44"/>
      <c r="R69" s="128" t="s">
        <v>380</v>
      </c>
      <c r="S69" s="46"/>
      <c r="T69" s="47" t="s">
        <v>380</v>
      </c>
      <c r="U69" s="44" t="s">
        <v>22</v>
      </c>
      <c r="V69" s="128"/>
      <c r="W69" s="44" t="s">
        <v>22</v>
      </c>
      <c r="X69" s="33"/>
      <c r="Y69" s="33"/>
      <c r="Z69" s="33"/>
      <c r="AA69" s="33"/>
      <c r="AB69" s="34"/>
      <c r="AC69" s="34"/>
      <c r="AD69" s="34"/>
      <c r="AE69" s="34"/>
      <c r="AF69" s="34"/>
      <c r="AG69" s="34"/>
      <c r="AH69" s="34"/>
      <c r="AI69" s="34"/>
      <c r="AJ69" s="34"/>
      <c r="AK69" s="35"/>
      <c r="AL69" s="35"/>
      <c r="AM69" s="36"/>
    </row>
    <row r="70" spans="1:39" s="59" customFormat="1" ht="9.75" customHeight="1">
      <c r="A70" s="126"/>
      <c r="B70" s="125"/>
      <c r="C70" s="128"/>
      <c r="D70" s="130"/>
      <c r="E70" s="219"/>
      <c r="F70" s="222"/>
      <c r="G70" s="128"/>
      <c r="H70" s="44"/>
      <c r="I70" s="128"/>
      <c r="J70" s="44"/>
      <c r="K70" s="45"/>
      <c r="L70" s="45"/>
      <c r="M70" s="131"/>
      <c r="N70" s="131"/>
      <c r="O70" s="41"/>
      <c r="P70" s="128"/>
      <c r="Q70" s="44"/>
      <c r="R70" s="128"/>
      <c r="S70" s="46"/>
      <c r="T70" s="47"/>
      <c r="U70" s="44"/>
      <c r="V70" s="128"/>
      <c r="W70" s="44"/>
      <c r="X70" s="33"/>
      <c r="Y70" s="33"/>
      <c r="Z70" s="33"/>
      <c r="AA70" s="33"/>
      <c r="AB70" s="34"/>
      <c r="AC70" s="34"/>
      <c r="AD70" s="34"/>
      <c r="AE70" s="34"/>
      <c r="AF70" s="34"/>
      <c r="AG70" s="34"/>
      <c r="AH70" s="34"/>
      <c r="AI70" s="34"/>
      <c r="AJ70" s="34"/>
      <c r="AK70" s="35"/>
      <c r="AL70" s="35"/>
      <c r="AM70" s="36"/>
    </row>
    <row r="71" spans="1:39" s="59" customFormat="1" ht="9.75" customHeight="1">
      <c r="A71" s="126"/>
      <c r="B71" s="56"/>
      <c r="C71" s="128"/>
      <c r="D71" s="130"/>
      <c r="E71" s="128"/>
      <c r="F71" s="130"/>
      <c r="G71" s="128"/>
      <c r="H71" s="44"/>
      <c r="I71" s="128"/>
      <c r="J71" s="44"/>
      <c r="K71" s="45"/>
      <c r="L71" s="45"/>
      <c r="M71" s="131"/>
      <c r="N71" s="227" t="s">
        <v>21</v>
      </c>
      <c r="O71" s="230" t="s">
        <v>594</v>
      </c>
      <c r="P71" s="129"/>
      <c r="Q71" s="69"/>
      <c r="R71" s="129"/>
      <c r="S71" s="72"/>
      <c r="T71" s="73"/>
      <c r="U71" s="69"/>
      <c r="V71" s="129"/>
      <c r="W71" s="69"/>
      <c r="X71" s="74" t="s">
        <v>1</v>
      </c>
      <c r="Y71" s="74"/>
      <c r="Z71" s="74"/>
      <c r="AA71" s="74"/>
      <c r="AB71" s="75"/>
      <c r="AC71" s="75"/>
      <c r="AD71" s="75"/>
      <c r="AE71" s="75"/>
      <c r="AF71" s="75"/>
      <c r="AG71" s="75"/>
      <c r="AH71" s="75"/>
      <c r="AI71" s="75"/>
      <c r="AJ71" s="75"/>
      <c r="AK71" s="25"/>
      <c r="AL71" s="25"/>
      <c r="AM71" s="32"/>
    </row>
    <row r="72" spans="1:39" s="59" customFormat="1" ht="9.75" customHeight="1">
      <c r="A72" s="40"/>
      <c r="B72" s="41"/>
      <c r="C72" s="128"/>
      <c r="D72" s="130"/>
      <c r="E72" s="128"/>
      <c r="F72" s="130"/>
      <c r="G72" s="128"/>
      <c r="H72" s="44"/>
      <c r="I72" s="128"/>
      <c r="J72" s="44"/>
      <c r="K72" s="45"/>
      <c r="L72" s="45"/>
      <c r="M72" s="131"/>
      <c r="N72" s="228"/>
      <c r="O72" s="222"/>
      <c r="P72" s="128"/>
      <c r="Q72" s="44" t="s">
        <v>379</v>
      </c>
      <c r="R72" s="128" t="s">
        <v>380</v>
      </c>
      <c r="S72" s="46"/>
      <c r="T72" s="47" t="s">
        <v>380</v>
      </c>
      <c r="U72" s="44" t="s">
        <v>22</v>
      </c>
      <c r="V72" s="128"/>
      <c r="W72" s="44" t="s">
        <v>22</v>
      </c>
      <c r="X72" s="33"/>
      <c r="Y72" s="33"/>
      <c r="Z72" s="33"/>
      <c r="AA72" s="33"/>
      <c r="AB72" s="34"/>
      <c r="AC72" s="34"/>
      <c r="AD72" s="34"/>
      <c r="AE72" s="34"/>
      <c r="AF72" s="34"/>
      <c r="AG72" s="34"/>
      <c r="AH72" s="34"/>
      <c r="AI72" s="34"/>
      <c r="AJ72" s="34"/>
      <c r="AK72" s="35"/>
      <c r="AL72" s="35"/>
      <c r="AM72" s="36"/>
    </row>
    <row r="73" spans="1:39" s="59" customFormat="1" ht="9.75" customHeight="1">
      <c r="A73" s="40"/>
      <c r="B73" s="41"/>
      <c r="C73" s="91"/>
      <c r="D73" s="102"/>
      <c r="E73" s="91"/>
      <c r="F73" s="102"/>
      <c r="G73" s="91"/>
      <c r="H73" s="92"/>
      <c r="I73" s="91"/>
      <c r="J73" s="92"/>
      <c r="K73" s="48"/>
      <c r="L73" s="48"/>
      <c r="M73" s="49"/>
      <c r="N73" s="229"/>
      <c r="O73" s="223"/>
      <c r="P73" s="91"/>
      <c r="Q73" s="92"/>
      <c r="R73" s="91"/>
      <c r="S73" s="93"/>
      <c r="T73" s="94"/>
      <c r="U73" s="92"/>
      <c r="V73" s="91"/>
      <c r="W73" s="92"/>
      <c r="X73" s="95"/>
      <c r="Y73" s="95"/>
      <c r="Z73" s="95"/>
      <c r="AA73" s="95"/>
      <c r="AB73" s="96"/>
      <c r="AC73" s="96"/>
      <c r="AD73" s="96"/>
      <c r="AE73" s="96"/>
      <c r="AF73" s="96"/>
      <c r="AG73" s="96"/>
      <c r="AH73" s="96"/>
      <c r="AI73" s="96"/>
      <c r="AJ73" s="96"/>
      <c r="AK73" s="97"/>
      <c r="AL73" s="97"/>
      <c r="AM73" s="98"/>
    </row>
    <row r="74" spans="1:39" s="59" customFormat="1" ht="9.75" customHeight="1">
      <c r="A74" s="126"/>
      <c r="B74" s="125"/>
      <c r="C74" s="218" t="s">
        <v>32</v>
      </c>
      <c r="D74" s="221" t="s">
        <v>82</v>
      </c>
      <c r="E74" s="129"/>
      <c r="F74" s="127"/>
      <c r="G74" s="129"/>
      <c r="H74" s="69"/>
      <c r="I74" s="129"/>
      <c r="J74" s="69"/>
      <c r="K74" s="70"/>
      <c r="L74" s="70"/>
      <c r="M74" s="132"/>
      <c r="N74" s="132"/>
      <c r="O74" s="68"/>
      <c r="P74" s="129"/>
      <c r="Q74" s="69"/>
      <c r="R74" s="129"/>
      <c r="S74" s="72"/>
      <c r="T74" s="73"/>
      <c r="U74" s="69"/>
      <c r="V74" s="129"/>
      <c r="W74" s="69"/>
      <c r="X74" s="74" t="s">
        <v>1</v>
      </c>
      <c r="Y74" s="74"/>
      <c r="Z74" s="74"/>
      <c r="AA74" s="74"/>
      <c r="AB74" s="75"/>
      <c r="AC74" s="75"/>
      <c r="AD74" s="75"/>
      <c r="AE74" s="75"/>
      <c r="AF74" s="75"/>
      <c r="AG74" s="75"/>
      <c r="AH74" s="75"/>
      <c r="AI74" s="75"/>
      <c r="AJ74" s="75"/>
      <c r="AK74" s="25"/>
      <c r="AL74" s="25"/>
      <c r="AM74" s="32"/>
    </row>
    <row r="75" spans="1:39" s="59" customFormat="1" ht="9.75" customHeight="1">
      <c r="A75" s="126"/>
      <c r="B75" s="125"/>
      <c r="C75" s="219"/>
      <c r="D75" s="222"/>
      <c r="E75" s="128"/>
      <c r="F75" s="130"/>
      <c r="G75" s="128"/>
      <c r="H75" s="44" t="s">
        <v>381</v>
      </c>
      <c r="I75" s="128"/>
      <c r="J75" s="44" t="s">
        <v>382</v>
      </c>
      <c r="K75" s="45" t="s">
        <v>22</v>
      </c>
      <c r="L75" s="45" t="s">
        <v>383</v>
      </c>
      <c r="M75" s="131"/>
      <c r="N75" s="131"/>
      <c r="O75" s="41"/>
      <c r="P75" s="128"/>
      <c r="Q75" s="44"/>
      <c r="R75" s="128" t="s">
        <v>384</v>
      </c>
      <c r="S75" s="46"/>
      <c r="T75" s="47" t="s">
        <v>384</v>
      </c>
      <c r="U75" s="44" t="s">
        <v>22</v>
      </c>
      <c r="V75" s="128"/>
      <c r="W75" s="44" t="s">
        <v>22</v>
      </c>
      <c r="X75" s="33"/>
      <c r="Y75" s="33"/>
      <c r="Z75" s="33"/>
      <c r="AA75" s="33"/>
      <c r="AB75" s="34"/>
      <c r="AC75" s="34"/>
      <c r="AD75" s="34"/>
      <c r="AE75" s="34"/>
      <c r="AF75" s="34"/>
      <c r="AG75" s="34"/>
      <c r="AH75" s="34"/>
      <c r="AI75" s="34"/>
      <c r="AJ75" s="34"/>
      <c r="AK75" s="35"/>
      <c r="AL75" s="35"/>
      <c r="AM75" s="36"/>
    </row>
    <row r="76" spans="1:39" s="59" customFormat="1" ht="9.75" customHeight="1">
      <c r="A76" s="126"/>
      <c r="B76" s="125"/>
      <c r="C76" s="219"/>
      <c r="D76" s="222"/>
      <c r="E76" s="128"/>
      <c r="F76" s="130"/>
      <c r="G76" s="128"/>
      <c r="H76" s="44"/>
      <c r="I76" s="128"/>
      <c r="J76" s="44"/>
      <c r="K76" s="45"/>
      <c r="L76" s="45"/>
      <c r="M76" s="131"/>
      <c r="N76" s="131"/>
      <c r="O76" s="41"/>
      <c r="P76" s="128"/>
      <c r="Q76" s="44"/>
      <c r="R76" s="128"/>
      <c r="S76" s="46"/>
      <c r="T76" s="47"/>
      <c r="U76" s="44"/>
      <c r="V76" s="128"/>
      <c r="W76" s="44"/>
      <c r="X76" s="33"/>
      <c r="Y76" s="33"/>
      <c r="Z76" s="33"/>
      <c r="AA76" s="33"/>
      <c r="AB76" s="34"/>
      <c r="AC76" s="34"/>
      <c r="AD76" s="34"/>
      <c r="AE76" s="34"/>
      <c r="AF76" s="34"/>
      <c r="AG76" s="34"/>
      <c r="AH76" s="34"/>
      <c r="AI76" s="34"/>
      <c r="AJ76" s="34"/>
      <c r="AK76" s="35"/>
      <c r="AL76" s="35"/>
      <c r="AM76" s="36"/>
    </row>
    <row r="77" spans="1:39" s="59" customFormat="1" ht="9.75" customHeight="1">
      <c r="A77" s="126"/>
      <c r="B77" s="56"/>
      <c r="C77" s="128"/>
      <c r="D77" s="130"/>
      <c r="E77" s="218" t="s">
        <v>21</v>
      </c>
      <c r="F77" s="230" t="s">
        <v>588</v>
      </c>
      <c r="G77" s="129"/>
      <c r="H77" s="69"/>
      <c r="I77" s="129"/>
      <c r="J77" s="69"/>
      <c r="K77" s="70"/>
      <c r="L77" s="70"/>
      <c r="M77" s="132"/>
      <c r="N77" s="132"/>
      <c r="O77" s="127"/>
      <c r="P77" s="129"/>
      <c r="Q77" s="69"/>
      <c r="R77" s="129"/>
      <c r="S77" s="72"/>
      <c r="T77" s="73"/>
      <c r="U77" s="69"/>
      <c r="V77" s="129"/>
      <c r="W77" s="69"/>
      <c r="X77" s="74" t="s">
        <v>1</v>
      </c>
      <c r="Y77" s="74"/>
      <c r="Z77" s="74"/>
      <c r="AA77" s="74"/>
      <c r="AB77" s="75"/>
      <c r="AC77" s="75"/>
      <c r="AD77" s="75"/>
      <c r="AE77" s="75"/>
      <c r="AF77" s="75"/>
      <c r="AG77" s="75"/>
      <c r="AH77" s="75"/>
      <c r="AI77" s="75"/>
      <c r="AJ77" s="75"/>
      <c r="AK77" s="25"/>
      <c r="AL77" s="25"/>
      <c r="AM77" s="32"/>
    </row>
    <row r="78" spans="1:39" s="59" customFormat="1" ht="9.75" customHeight="1">
      <c r="A78" s="40"/>
      <c r="B78" s="41"/>
      <c r="C78" s="128"/>
      <c r="D78" s="130"/>
      <c r="E78" s="219"/>
      <c r="F78" s="222"/>
      <c r="G78" s="128"/>
      <c r="H78" s="44" t="s">
        <v>385</v>
      </c>
      <c r="I78" s="128"/>
      <c r="J78" s="44" t="s">
        <v>386</v>
      </c>
      <c r="K78" s="45" t="s">
        <v>22</v>
      </c>
      <c r="L78" s="45" t="s">
        <v>387</v>
      </c>
      <c r="M78" s="131"/>
      <c r="N78" s="131"/>
      <c r="O78" s="130"/>
      <c r="P78" s="128"/>
      <c r="Q78" s="44"/>
      <c r="R78" s="128" t="s">
        <v>388</v>
      </c>
      <c r="S78" s="46"/>
      <c r="T78" s="47" t="s">
        <v>388</v>
      </c>
      <c r="U78" s="44" t="s">
        <v>22</v>
      </c>
      <c r="V78" s="128"/>
      <c r="W78" s="44" t="s">
        <v>22</v>
      </c>
      <c r="X78" s="33"/>
      <c r="Y78" s="33"/>
      <c r="Z78" s="33"/>
      <c r="AA78" s="33"/>
      <c r="AB78" s="34"/>
      <c r="AC78" s="34"/>
      <c r="AD78" s="34"/>
      <c r="AE78" s="34"/>
      <c r="AF78" s="34"/>
      <c r="AG78" s="34"/>
      <c r="AH78" s="34"/>
      <c r="AI78" s="34"/>
      <c r="AJ78" s="34"/>
      <c r="AK78" s="35"/>
      <c r="AL78" s="35"/>
      <c r="AM78" s="36"/>
    </row>
    <row r="79" spans="1:39" s="59" customFormat="1" ht="9.75" customHeight="1">
      <c r="A79" s="40"/>
      <c r="B79" s="41"/>
      <c r="C79" s="128"/>
      <c r="D79" s="130"/>
      <c r="E79" s="220"/>
      <c r="F79" s="223"/>
      <c r="G79" s="128"/>
      <c r="H79" s="44"/>
      <c r="I79" s="128"/>
      <c r="J79" s="44"/>
      <c r="K79" s="45"/>
      <c r="L79" s="45"/>
      <c r="M79" s="131"/>
      <c r="N79" s="131"/>
      <c r="O79" s="130"/>
      <c r="P79" s="128"/>
      <c r="Q79" s="44"/>
      <c r="R79" s="128"/>
      <c r="S79" s="46"/>
      <c r="T79" s="47"/>
      <c r="U79" s="44"/>
      <c r="V79" s="128"/>
      <c r="W79" s="44"/>
      <c r="X79" s="33"/>
      <c r="Y79" s="33"/>
      <c r="Z79" s="33"/>
      <c r="AA79" s="33"/>
      <c r="AB79" s="34"/>
      <c r="AC79" s="34"/>
      <c r="AD79" s="34"/>
      <c r="AE79" s="34"/>
      <c r="AF79" s="34"/>
      <c r="AG79" s="34"/>
      <c r="AH79" s="34"/>
      <c r="AI79" s="34"/>
      <c r="AJ79" s="34"/>
      <c r="AK79" s="35"/>
      <c r="AL79" s="35"/>
      <c r="AM79" s="36"/>
    </row>
    <row r="80" spans="1:39" s="59" customFormat="1" ht="9.75" customHeight="1">
      <c r="A80" s="126"/>
      <c r="B80" s="125"/>
      <c r="C80" s="128"/>
      <c r="D80" s="130"/>
      <c r="E80" s="218" t="s">
        <v>25</v>
      </c>
      <c r="F80" s="230" t="s">
        <v>589</v>
      </c>
      <c r="G80" s="129"/>
      <c r="H80" s="69"/>
      <c r="I80" s="129"/>
      <c r="J80" s="69"/>
      <c r="K80" s="70"/>
      <c r="L80" s="70"/>
      <c r="M80" s="132"/>
      <c r="N80" s="132"/>
      <c r="O80" s="68"/>
      <c r="P80" s="129"/>
      <c r="Q80" s="69"/>
      <c r="R80" s="129"/>
      <c r="S80" s="72"/>
      <c r="T80" s="73"/>
      <c r="U80" s="69"/>
      <c r="V80" s="129"/>
      <c r="W80" s="69"/>
      <c r="X80" s="74" t="s">
        <v>1</v>
      </c>
      <c r="Y80" s="74"/>
      <c r="Z80" s="74"/>
      <c r="AA80" s="74"/>
      <c r="AB80" s="75"/>
      <c r="AC80" s="75"/>
      <c r="AD80" s="75"/>
      <c r="AE80" s="75"/>
      <c r="AF80" s="75"/>
      <c r="AG80" s="75"/>
      <c r="AH80" s="75"/>
      <c r="AI80" s="75"/>
      <c r="AJ80" s="75"/>
      <c r="AK80" s="25"/>
      <c r="AL80" s="25"/>
      <c r="AM80" s="32"/>
    </row>
    <row r="81" spans="1:44" s="59" customFormat="1" ht="9.75" customHeight="1">
      <c r="A81" s="126"/>
      <c r="B81" s="125"/>
      <c r="C81" s="128"/>
      <c r="D81" s="130"/>
      <c r="E81" s="219"/>
      <c r="F81" s="222"/>
      <c r="G81" s="128"/>
      <c r="H81" s="44" t="s">
        <v>389</v>
      </c>
      <c r="I81" s="128"/>
      <c r="J81" s="44" t="s">
        <v>390</v>
      </c>
      <c r="K81" s="45" t="s">
        <v>22</v>
      </c>
      <c r="L81" s="45" t="s">
        <v>391</v>
      </c>
      <c r="M81" s="131"/>
      <c r="N81" s="131"/>
      <c r="O81" s="41"/>
      <c r="P81" s="128"/>
      <c r="Q81" s="44"/>
      <c r="R81" s="128" t="s">
        <v>392</v>
      </c>
      <c r="S81" s="46"/>
      <c r="T81" s="47" t="s">
        <v>392</v>
      </c>
      <c r="U81" s="44" t="s">
        <v>22</v>
      </c>
      <c r="V81" s="128"/>
      <c r="W81" s="44" t="s">
        <v>22</v>
      </c>
      <c r="X81" s="33"/>
      <c r="Y81" s="33"/>
      <c r="Z81" s="33"/>
      <c r="AA81" s="33"/>
      <c r="AB81" s="34"/>
      <c r="AC81" s="34"/>
      <c r="AD81" s="34"/>
      <c r="AE81" s="34"/>
      <c r="AF81" s="34"/>
      <c r="AG81" s="34"/>
      <c r="AH81" s="34"/>
      <c r="AI81" s="34"/>
      <c r="AJ81" s="34"/>
      <c r="AK81" s="35"/>
      <c r="AL81" s="35"/>
      <c r="AM81" s="36"/>
    </row>
    <row r="82" spans="1:44" s="59" customFormat="1" ht="9.75" customHeight="1">
      <c r="A82" s="126"/>
      <c r="B82" s="125"/>
      <c r="C82" s="128"/>
      <c r="D82" s="130"/>
      <c r="E82" s="220"/>
      <c r="F82" s="223"/>
      <c r="G82" s="128"/>
      <c r="H82" s="44"/>
      <c r="I82" s="128"/>
      <c r="J82" s="44"/>
      <c r="K82" s="45"/>
      <c r="L82" s="45"/>
      <c r="M82" s="131"/>
      <c r="N82" s="131"/>
      <c r="O82" s="41"/>
      <c r="P82" s="128"/>
      <c r="Q82" s="44"/>
      <c r="R82" s="128"/>
      <c r="S82" s="46"/>
      <c r="T82" s="47"/>
      <c r="U82" s="44"/>
      <c r="V82" s="128"/>
      <c r="W82" s="44"/>
      <c r="X82" s="33"/>
      <c r="Y82" s="33"/>
      <c r="Z82" s="33"/>
      <c r="AA82" s="33"/>
      <c r="AB82" s="34"/>
      <c r="AC82" s="34"/>
      <c r="AD82" s="34"/>
      <c r="AE82" s="34"/>
      <c r="AF82" s="34"/>
      <c r="AG82" s="34"/>
      <c r="AH82" s="34"/>
      <c r="AI82" s="34"/>
      <c r="AJ82" s="34"/>
      <c r="AK82" s="35"/>
      <c r="AL82" s="35"/>
      <c r="AM82" s="36"/>
    </row>
    <row r="83" spans="1:44" s="59" customFormat="1" ht="9.75" customHeight="1">
      <c r="A83" s="126"/>
      <c r="B83" s="125"/>
      <c r="C83" s="128"/>
      <c r="D83" s="130"/>
      <c r="E83" s="218" t="s">
        <v>26</v>
      </c>
      <c r="F83" s="224" t="s">
        <v>626</v>
      </c>
      <c r="G83" s="129"/>
      <c r="H83" s="69"/>
      <c r="I83" s="129"/>
      <c r="J83" s="69"/>
      <c r="K83" s="70"/>
      <c r="L83" s="70"/>
      <c r="M83" s="132"/>
      <c r="N83" s="132"/>
      <c r="O83" s="68"/>
      <c r="P83" s="129"/>
      <c r="Q83" s="69"/>
      <c r="R83" s="129"/>
      <c r="S83" s="72"/>
      <c r="T83" s="73"/>
      <c r="U83" s="69"/>
      <c r="V83" s="129"/>
      <c r="W83" s="69"/>
      <c r="X83" s="74" t="s">
        <v>1</v>
      </c>
      <c r="Y83" s="74"/>
      <c r="Z83" s="74"/>
      <c r="AA83" s="74"/>
      <c r="AB83" s="75"/>
      <c r="AC83" s="75"/>
      <c r="AD83" s="75"/>
      <c r="AE83" s="75"/>
      <c r="AF83" s="75"/>
      <c r="AG83" s="75"/>
      <c r="AH83" s="75"/>
      <c r="AI83" s="75"/>
      <c r="AJ83" s="75"/>
      <c r="AK83" s="25"/>
      <c r="AL83" s="25"/>
      <c r="AM83" s="32"/>
    </row>
    <row r="84" spans="1:44" s="59" customFormat="1" ht="9.75" customHeight="1">
      <c r="A84" s="126"/>
      <c r="B84" s="125"/>
      <c r="C84" s="128"/>
      <c r="D84" s="130"/>
      <c r="E84" s="219"/>
      <c r="F84" s="225"/>
      <c r="G84" s="128"/>
      <c r="H84" s="44" t="s">
        <v>393</v>
      </c>
      <c r="I84" s="128"/>
      <c r="J84" s="44" t="s">
        <v>22</v>
      </c>
      <c r="K84" s="45" t="s">
        <v>22</v>
      </c>
      <c r="L84" s="45" t="s">
        <v>393</v>
      </c>
      <c r="M84" s="131"/>
      <c r="N84" s="131"/>
      <c r="O84" s="41"/>
      <c r="P84" s="128"/>
      <c r="Q84" s="44"/>
      <c r="R84" s="128" t="s">
        <v>394</v>
      </c>
      <c r="S84" s="46"/>
      <c r="T84" s="47" t="s">
        <v>394</v>
      </c>
      <c r="U84" s="44" t="s">
        <v>22</v>
      </c>
      <c r="V84" s="128"/>
      <c r="W84" s="44" t="s">
        <v>22</v>
      </c>
      <c r="X84" s="33"/>
      <c r="Y84" s="33"/>
      <c r="Z84" s="33"/>
      <c r="AA84" s="33"/>
      <c r="AB84" s="34"/>
      <c r="AC84" s="34"/>
      <c r="AD84" s="34"/>
      <c r="AE84" s="34"/>
      <c r="AF84" s="34"/>
      <c r="AG84" s="34"/>
      <c r="AH84" s="34"/>
      <c r="AI84" s="34"/>
      <c r="AJ84" s="34"/>
      <c r="AK84" s="35"/>
      <c r="AL84" s="35"/>
      <c r="AM84" s="36"/>
    </row>
    <row r="85" spans="1:44" s="59" customFormat="1" ht="9.75" customHeight="1">
      <c r="A85" s="99"/>
      <c r="B85" s="113"/>
      <c r="C85" s="79"/>
      <c r="D85" s="101"/>
      <c r="E85" s="316"/>
      <c r="F85" s="315"/>
      <c r="G85" s="79"/>
      <c r="H85" s="80"/>
      <c r="I85" s="79"/>
      <c r="J85" s="80"/>
      <c r="K85" s="81"/>
      <c r="L85" s="81"/>
      <c r="M85" s="82"/>
      <c r="N85" s="82"/>
      <c r="O85" s="78"/>
      <c r="P85" s="79"/>
      <c r="Q85" s="80"/>
      <c r="R85" s="79"/>
      <c r="S85" s="83"/>
      <c r="T85" s="84"/>
      <c r="U85" s="80"/>
      <c r="V85" s="79"/>
      <c r="W85" s="80"/>
      <c r="X85" s="85"/>
      <c r="Y85" s="85"/>
      <c r="Z85" s="85"/>
      <c r="AA85" s="85"/>
      <c r="AB85" s="86"/>
      <c r="AC85" s="86"/>
      <c r="AD85" s="86"/>
      <c r="AE85" s="86"/>
      <c r="AF85" s="86"/>
      <c r="AG85" s="86"/>
      <c r="AH85" s="86"/>
      <c r="AI85" s="86"/>
      <c r="AJ85" s="86"/>
      <c r="AK85" s="87"/>
      <c r="AL85" s="87"/>
      <c r="AM85" s="88"/>
    </row>
    <row r="86" spans="1:44" ht="9.75" customHeight="1">
      <c r="X86" s="39"/>
      <c r="Y86" s="39"/>
      <c r="Z86" s="39"/>
      <c r="AA86" s="39"/>
      <c r="AB86" s="39"/>
      <c r="AC86" s="39"/>
      <c r="AD86" s="39"/>
      <c r="AE86" s="39"/>
      <c r="AF86" s="39"/>
      <c r="AG86" s="39"/>
      <c r="AH86" s="39"/>
      <c r="AI86" s="39"/>
      <c r="AJ86" s="39"/>
      <c r="AK86" s="39"/>
      <c r="AL86" s="39"/>
      <c r="AM86" s="39"/>
    </row>
    <row r="90" spans="1:44" s="2" customFormat="1" ht="22.5" customHeight="1">
      <c r="A90" s="231"/>
      <c r="B90" s="231"/>
      <c r="C90" s="231"/>
      <c r="D90" s="231"/>
      <c r="E90" s="231"/>
      <c r="F90" s="231"/>
      <c r="G90" s="231"/>
      <c r="H90" s="231"/>
      <c r="I90" s="231"/>
      <c r="J90" s="231"/>
      <c r="K90" s="231"/>
      <c r="L90" s="231"/>
      <c r="M90" s="124"/>
      <c r="N90" s="232"/>
      <c r="O90" s="232"/>
      <c r="P90" s="232"/>
      <c r="Q90" s="232"/>
      <c r="R90" s="232"/>
      <c r="S90" s="232"/>
      <c r="T90" s="232"/>
      <c r="U90" s="232"/>
      <c r="V90" s="232"/>
      <c r="W90" s="232"/>
      <c r="X90" s="232"/>
      <c r="Y90" s="232"/>
      <c r="Z90" s="232"/>
      <c r="AA90" s="232"/>
      <c r="AB90" s="232"/>
      <c r="AC90" s="232"/>
      <c r="AD90" s="232"/>
      <c r="AE90" s="232"/>
      <c r="AF90" s="232"/>
      <c r="AG90" s="232"/>
      <c r="AH90" s="232"/>
      <c r="AI90" s="232"/>
      <c r="AJ90" s="232"/>
      <c r="AK90" s="232"/>
      <c r="AL90" s="232"/>
      <c r="AM90" s="232"/>
      <c r="AN90" s="1"/>
      <c r="AO90" s="1"/>
      <c r="AP90" s="4"/>
      <c r="AQ90" s="4"/>
      <c r="AR90" s="4"/>
    </row>
    <row r="91" spans="1:44" s="2" customFormat="1" ht="11.25" customHeight="1">
      <c r="A91" s="5"/>
      <c r="B91" s="5"/>
      <c r="C91" s="5"/>
      <c r="D91" s="5"/>
      <c r="E91" s="5"/>
      <c r="F91" s="5"/>
      <c r="G91" s="5"/>
      <c r="H91" s="5"/>
      <c r="I91" s="5"/>
      <c r="J91" s="5"/>
      <c r="K91" s="5"/>
      <c r="L91" s="5"/>
      <c r="M91" s="5"/>
      <c r="N91" s="5"/>
      <c r="O91" s="5"/>
      <c r="P91" s="5"/>
      <c r="Q91" s="5"/>
      <c r="R91" s="5"/>
      <c r="S91" s="5"/>
      <c r="T91" s="5"/>
      <c r="U91" s="5"/>
      <c r="V91" s="5"/>
      <c r="W91" s="5"/>
      <c r="X91" s="5"/>
      <c r="Y91" s="5"/>
      <c r="Z91" s="5"/>
      <c r="AA91" s="5"/>
      <c r="AB91" s="5"/>
      <c r="AC91" s="5"/>
      <c r="AD91" s="5"/>
      <c r="AE91" s="5"/>
      <c r="AF91" s="5"/>
      <c r="AG91" s="5"/>
      <c r="AH91" s="5"/>
      <c r="AI91" s="5"/>
      <c r="AJ91" s="5"/>
      <c r="AK91" s="5"/>
      <c r="AL91" s="5"/>
      <c r="AM91" s="6"/>
      <c r="AN91" s="5"/>
      <c r="AO91" s="5"/>
      <c r="AP91" s="7"/>
      <c r="AQ91" s="7"/>
      <c r="AR91" s="7"/>
    </row>
    <row r="92" spans="1:44" s="14" customFormat="1" ht="26.25" customHeight="1">
      <c r="A92" s="8"/>
      <c r="B92" s="9" t="s">
        <v>0</v>
      </c>
      <c r="C92" s="10"/>
      <c r="D92" s="11" t="s">
        <v>628</v>
      </c>
      <c r="E92" s="8"/>
      <c r="F92" s="8"/>
      <c r="G92" s="8"/>
      <c r="H92" s="8"/>
      <c r="I92" s="8"/>
      <c r="J92" s="8"/>
      <c r="K92" s="8"/>
      <c r="L92" s="8"/>
      <c r="M92" s="8"/>
      <c r="N92" s="8"/>
      <c r="O92" s="8"/>
      <c r="P92" s="8"/>
      <c r="Q92" s="8"/>
      <c r="R92" s="8"/>
      <c r="S92" s="8"/>
      <c r="T92" s="8"/>
      <c r="U92" s="8"/>
      <c r="V92" s="8"/>
      <c r="W92" s="8"/>
      <c r="X92" s="8"/>
      <c r="Y92" s="8"/>
      <c r="Z92" s="8"/>
      <c r="AA92" s="8"/>
      <c r="AB92" s="8"/>
      <c r="AC92" s="8"/>
      <c r="AD92" s="8"/>
      <c r="AE92" s="8"/>
      <c r="AF92" s="8"/>
      <c r="AG92" s="8"/>
      <c r="AH92" s="8"/>
      <c r="AI92" s="8"/>
      <c r="AJ92" s="8"/>
      <c r="AK92" s="8"/>
      <c r="AL92" s="8"/>
      <c r="AM92" s="12" t="s">
        <v>1</v>
      </c>
      <c r="AN92" s="8"/>
      <c r="AO92" s="8"/>
      <c r="AP92" s="13"/>
      <c r="AQ92" s="13"/>
      <c r="AR92" s="13"/>
    </row>
    <row r="93" spans="1:44" ht="13.5" customHeight="1">
      <c r="A93" s="233" t="s">
        <v>2</v>
      </c>
      <c r="B93" s="234"/>
      <c r="C93" s="239" t="s">
        <v>3</v>
      </c>
      <c r="D93" s="234"/>
      <c r="E93" s="239" t="s">
        <v>4</v>
      </c>
      <c r="F93" s="234"/>
      <c r="G93" s="242" t="s">
        <v>5</v>
      </c>
      <c r="H93" s="243"/>
      <c r="I93" s="243"/>
      <c r="J93" s="243"/>
      <c r="K93" s="243"/>
      <c r="L93" s="243"/>
      <c r="M93" s="243"/>
      <c r="N93" s="243"/>
      <c r="O93" s="243"/>
      <c r="P93" s="243"/>
      <c r="Q93" s="244"/>
      <c r="R93" s="239" t="s">
        <v>6</v>
      </c>
      <c r="S93" s="233" t="s">
        <v>7</v>
      </c>
      <c r="T93" s="245"/>
      <c r="U93" s="234" t="s">
        <v>627</v>
      </c>
      <c r="V93" s="239" t="s">
        <v>9</v>
      </c>
      <c r="W93" s="234"/>
      <c r="X93" s="239" t="s">
        <v>10</v>
      </c>
      <c r="Y93" s="251"/>
      <c r="Z93" s="251"/>
      <c r="AA93" s="251"/>
      <c r="AB93" s="251"/>
      <c r="AC93" s="251"/>
      <c r="AD93" s="251"/>
      <c r="AE93" s="251"/>
      <c r="AF93" s="251"/>
      <c r="AG93" s="251"/>
      <c r="AH93" s="251"/>
      <c r="AI93" s="251"/>
      <c r="AJ93" s="251"/>
      <c r="AK93" s="251"/>
      <c r="AL93" s="251"/>
      <c r="AM93" s="245"/>
      <c r="AN93" s="15"/>
      <c r="AO93" s="15"/>
      <c r="AP93" s="16"/>
      <c r="AQ93" s="16"/>
      <c r="AR93" s="16"/>
    </row>
    <row r="94" spans="1:44" ht="13.5" customHeight="1">
      <c r="A94" s="235"/>
      <c r="B94" s="236"/>
      <c r="C94" s="240"/>
      <c r="D94" s="236"/>
      <c r="E94" s="240"/>
      <c r="F94" s="236"/>
      <c r="G94" s="253" t="s">
        <v>11</v>
      </c>
      <c r="H94" s="254"/>
      <c r="I94" s="253" t="s">
        <v>12</v>
      </c>
      <c r="J94" s="254"/>
      <c r="K94" s="255" t="s">
        <v>13</v>
      </c>
      <c r="L94" s="258" t="s">
        <v>14</v>
      </c>
      <c r="M94" s="123"/>
      <c r="N94" s="261" t="s">
        <v>15</v>
      </c>
      <c r="O94" s="261"/>
      <c r="P94" s="261"/>
      <c r="Q94" s="262"/>
      <c r="R94" s="240"/>
      <c r="S94" s="235"/>
      <c r="T94" s="246"/>
      <c r="U94" s="236"/>
      <c r="V94" s="240"/>
      <c r="W94" s="236"/>
      <c r="X94" s="240"/>
      <c r="Y94" s="250"/>
      <c r="Z94" s="250"/>
      <c r="AA94" s="250"/>
      <c r="AB94" s="250"/>
      <c r="AC94" s="250"/>
      <c r="AD94" s="250"/>
      <c r="AE94" s="250"/>
      <c r="AF94" s="250"/>
      <c r="AG94" s="250"/>
      <c r="AH94" s="250"/>
      <c r="AI94" s="250"/>
      <c r="AJ94" s="250"/>
      <c r="AK94" s="250"/>
      <c r="AL94" s="250"/>
      <c r="AM94" s="246"/>
      <c r="AN94" s="15"/>
      <c r="AO94" s="15"/>
      <c r="AP94" s="16"/>
      <c r="AQ94" s="16"/>
      <c r="AR94" s="16"/>
    </row>
    <row r="95" spans="1:44" ht="4.5" customHeight="1">
      <c r="A95" s="235"/>
      <c r="B95" s="236"/>
      <c r="C95" s="240"/>
      <c r="D95" s="236"/>
      <c r="E95" s="240"/>
      <c r="F95" s="236"/>
      <c r="G95" s="240"/>
      <c r="H95" s="236"/>
      <c r="I95" s="240"/>
      <c r="J95" s="236"/>
      <c r="K95" s="256"/>
      <c r="L95" s="259"/>
      <c r="M95" s="121"/>
      <c r="N95" s="263" t="s">
        <v>16</v>
      </c>
      <c r="O95" s="254"/>
      <c r="P95" s="264" t="s">
        <v>17</v>
      </c>
      <c r="Q95" s="265"/>
      <c r="R95" s="240"/>
      <c r="S95" s="235"/>
      <c r="T95" s="246"/>
      <c r="U95" s="236"/>
      <c r="V95" s="240"/>
      <c r="W95" s="236"/>
      <c r="X95" s="240"/>
      <c r="Y95" s="250"/>
      <c r="Z95" s="250"/>
      <c r="AA95" s="250"/>
      <c r="AB95" s="250"/>
      <c r="AC95" s="250"/>
      <c r="AD95" s="250"/>
      <c r="AE95" s="250"/>
      <c r="AF95" s="250"/>
      <c r="AG95" s="250"/>
      <c r="AH95" s="250"/>
      <c r="AI95" s="250"/>
      <c r="AJ95" s="250"/>
      <c r="AK95" s="250"/>
      <c r="AL95" s="250"/>
      <c r="AM95" s="246"/>
      <c r="AN95" s="15"/>
      <c r="AO95" s="15"/>
      <c r="AP95" s="16"/>
      <c r="AQ95" s="16"/>
      <c r="AR95" s="16"/>
    </row>
    <row r="96" spans="1:44" ht="4.5" customHeight="1">
      <c r="A96" s="235"/>
      <c r="B96" s="236"/>
      <c r="C96" s="240"/>
      <c r="D96" s="236"/>
      <c r="E96" s="240"/>
      <c r="F96" s="236"/>
      <c r="G96" s="240"/>
      <c r="H96" s="236"/>
      <c r="I96" s="240"/>
      <c r="J96" s="236"/>
      <c r="K96" s="256"/>
      <c r="L96" s="259"/>
      <c r="M96" s="121"/>
      <c r="N96" s="250"/>
      <c r="O96" s="236"/>
      <c r="P96" s="266"/>
      <c r="Q96" s="267"/>
      <c r="R96" s="240"/>
      <c r="S96" s="235"/>
      <c r="T96" s="246"/>
      <c r="U96" s="236"/>
      <c r="V96" s="240"/>
      <c r="W96" s="236"/>
      <c r="X96" s="240"/>
      <c r="Y96" s="250"/>
      <c r="Z96" s="250"/>
      <c r="AA96" s="250"/>
      <c r="AB96" s="250"/>
      <c r="AC96" s="250"/>
      <c r="AD96" s="250"/>
      <c r="AE96" s="250"/>
      <c r="AF96" s="250"/>
      <c r="AG96" s="250"/>
      <c r="AH96" s="250"/>
      <c r="AI96" s="250"/>
      <c r="AJ96" s="250"/>
      <c r="AK96" s="250"/>
      <c r="AL96" s="250"/>
      <c r="AM96" s="246"/>
      <c r="AN96" s="15"/>
      <c r="AO96" s="15"/>
      <c r="AP96" s="16"/>
      <c r="AQ96" s="16"/>
      <c r="AR96" s="16"/>
    </row>
    <row r="97" spans="1:44" ht="4.5" customHeight="1">
      <c r="A97" s="237"/>
      <c r="B97" s="238"/>
      <c r="C97" s="241"/>
      <c r="D97" s="238"/>
      <c r="E97" s="241"/>
      <c r="F97" s="238"/>
      <c r="G97" s="241"/>
      <c r="H97" s="238"/>
      <c r="I97" s="241"/>
      <c r="J97" s="238"/>
      <c r="K97" s="257"/>
      <c r="L97" s="260"/>
      <c r="M97" s="122"/>
      <c r="N97" s="252"/>
      <c r="O97" s="238"/>
      <c r="P97" s="268"/>
      <c r="Q97" s="269"/>
      <c r="R97" s="241"/>
      <c r="S97" s="237"/>
      <c r="T97" s="247"/>
      <c r="U97" s="238"/>
      <c r="V97" s="241"/>
      <c r="W97" s="238"/>
      <c r="X97" s="241"/>
      <c r="Y97" s="252"/>
      <c r="Z97" s="252"/>
      <c r="AA97" s="252"/>
      <c r="AB97" s="252"/>
      <c r="AC97" s="252"/>
      <c r="AD97" s="252"/>
      <c r="AE97" s="252"/>
      <c r="AF97" s="252"/>
      <c r="AG97" s="252"/>
      <c r="AH97" s="252"/>
      <c r="AI97" s="252"/>
      <c r="AJ97" s="252"/>
      <c r="AK97" s="252"/>
      <c r="AL97" s="252"/>
      <c r="AM97" s="247"/>
      <c r="AN97" s="15"/>
      <c r="AO97" s="15"/>
      <c r="AP97" s="16"/>
      <c r="AQ97" s="16"/>
      <c r="AR97" s="16"/>
    </row>
    <row r="98" spans="1:44" s="39" customFormat="1" ht="9" customHeight="1">
      <c r="A98" s="23"/>
      <c r="B98" s="24"/>
      <c r="C98" s="25"/>
      <c r="D98" s="24"/>
      <c r="E98" s="25"/>
      <c r="F98" s="24"/>
      <c r="G98" s="26"/>
      <c r="H98" s="27" t="s">
        <v>18</v>
      </c>
      <c r="I98" s="26"/>
      <c r="J98" s="27" t="s">
        <v>18</v>
      </c>
      <c r="K98" s="28" t="s">
        <v>18</v>
      </c>
      <c r="L98" s="29" t="s">
        <v>18</v>
      </c>
      <c r="M98" s="25"/>
      <c r="N98" s="25"/>
      <c r="O98" s="30"/>
      <c r="P98" s="26"/>
      <c r="Q98" s="27" t="s">
        <v>18</v>
      </c>
      <c r="R98" s="26" t="s">
        <v>18</v>
      </c>
      <c r="S98" s="31"/>
      <c r="T98" s="32" t="s">
        <v>18</v>
      </c>
      <c r="U98" s="27" t="s">
        <v>18</v>
      </c>
      <c r="V98" s="26"/>
      <c r="W98" s="27" t="s">
        <v>18</v>
      </c>
      <c r="X98" s="33"/>
      <c r="Y98" s="33"/>
      <c r="Z98" s="33"/>
      <c r="AA98" s="33"/>
      <c r="AB98" s="34"/>
      <c r="AC98" s="34"/>
      <c r="AD98" s="34"/>
      <c r="AE98" s="34"/>
      <c r="AF98" s="34"/>
      <c r="AG98" s="34"/>
      <c r="AH98" s="34"/>
      <c r="AI98" s="34"/>
      <c r="AJ98" s="34"/>
      <c r="AK98" s="35"/>
      <c r="AL98" s="35"/>
      <c r="AM98" s="36"/>
      <c r="AN98" s="37"/>
      <c r="AO98" s="37"/>
      <c r="AP98" s="38"/>
      <c r="AQ98" s="38"/>
      <c r="AR98" s="38"/>
    </row>
    <row r="99" spans="1:44" s="59" customFormat="1" ht="9.75" customHeight="1">
      <c r="A99" s="126"/>
      <c r="B99" s="125"/>
      <c r="C99" s="128"/>
      <c r="D99" s="130"/>
      <c r="E99" s="317" t="s">
        <v>655</v>
      </c>
      <c r="F99" s="287" t="s">
        <v>83</v>
      </c>
      <c r="G99" s="128"/>
      <c r="H99" s="44"/>
      <c r="I99" s="128"/>
      <c r="J99" s="44"/>
      <c r="K99" s="45"/>
      <c r="L99" s="45"/>
      <c r="M99" s="131"/>
      <c r="N99" s="131"/>
      <c r="O99" s="41"/>
      <c r="P99" s="128"/>
      <c r="Q99" s="44"/>
      <c r="R99" s="128"/>
      <c r="S99" s="46"/>
      <c r="T99" s="47"/>
      <c r="U99" s="44"/>
      <c r="V99" s="128"/>
      <c r="W99" s="44"/>
      <c r="X99" s="33" t="s">
        <v>1</v>
      </c>
      <c r="Y99" s="33"/>
      <c r="Z99" s="33"/>
      <c r="AA99" s="33"/>
      <c r="AB99" s="34"/>
      <c r="AC99" s="34"/>
      <c r="AD99" s="34"/>
      <c r="AE99" s="34"/>
      <c r="AF99" s="34"/>
      <c r="AG99" s="34"/>
      <c r="AH99" s="34"/>
      <c r="AI99" s="34"/>
      <c r="AJ99" s="34"/>
      <c r="AK99" s="35"/>
      <c r="AL99" s="35"/>
      <c r="AM99" s="36"/>
    </row>
    <row r="100" spans="1:44" s="59" customFormat="1" ht="9.75" customHeight="1">
      <c r="A100" s="126"/>
      <c r="B100" s="125"/>
      <c r="C100" s="128"/>
      <c r="D100" s="130"/>
      <c r="E100" s="219"/>
      <c r="F100" s="222"/>
      <c r="G100" s="128"/>
      <c r="H100" s="44" t="s">
        <v>22</v>
      </c>
      <c r="I100" s="128"/>
      <c r="J100" s="44" t="s">
        <v>22</v>
      </c>
      <c r="K100" s="45" t="s">
        <v>22</v>
      </c>
      <c r="L100" s="45" t="s">
        <v>22</v>
      </c>
      <c r="M100" s="131"/>
      <c r="N100" s="131"/>
      <c r="O100" s="41"/>
      <c r="P100" s="128"/>
      <c r="Q100" s="44"/>
      <c r="R100" s="128" t="s">
        <v>395</v>
      </c>
      <c r="S100" s="46"/>
      <c r="T100" s="47" t="s">
        <v>395</v>
      </c>
      <c r="U100" s="44" t="s">
        <v>22</v>
      </c>
      <c r="V100" s="128"/>
      <c r="W100" s="44" t="s">
        <v>22</v>
      </c>
      <c r="X100" s="33"/>
      <c r="Y100" s="33"/>
      <c r="Z100" s="33"/>
      <c r="AA100" s="33"/>
      <c r="AB100" s="34"/>
      <c r="AC100" s="34"/>
      <c r="AD100" s="34"/>
      <c r="AE100" s="34"/>
      <c r="AF100" s="34"/>
      <c r="AG100" s="34"/>
      <c r="AH100" s="34"/>
      <c r="AI100" s="34"/>
      <c r="AJ100" s="34"/>
      <c r="AK100" s="35"/>
      <c r="AL100" s="35"/>
      <c r="AM100" s="36"/>
    </row>
    <row r="101" spans="1:44" s="59" customFormat="1" ht="9.75" customHeight="1">
      <c r="A101" s="100"/>
      <c r="B101" s="114"/>
      <c r="C101" s="91"/>
      <c r="D101" s="102"/>
      <c r="E101" s="220"/>
      <c r="F101" s="223"/>
      <c r="G101" s="91"/>
      <c r="H101" s="92"/>
      <c r="I101" s="91"/>
      <c r="J101" s="92"/>
      <c r="K101" s="48"/>
      <c r="L101" s="48"/>
      <c r="M101" s="49"/>
      <c r="N101" s="49"/>
      <c r="O101" s="90"/>
      <c r="P101" s="91"/>
      <c r="Q101" s="92"/>
      <c r="R101" s="91"/>
      <c r="S101" s="93"/>
      <c r="T101" s="94"/>
      <c r="U101" s="92"/>
      <c r="V101" s="91"/>
      <c r="W101" s="92"/>
      <c r="X101" s="95"/>
      <c r="Y101" s="95"/>
      <c r="Z101" s="95"/>
      <c r="AA101" s="95"/>
      <c r="AB101" s="96"/>
      <c r="AC101" s="96"/>
      <c r="AD101" s="96"/>
      <c r="AE101" s="96"/>
      <c r="AF101" s="96"/>
      <c r="AG101" s="96"/>
      <c r="AH101" s="96"/>
      <c r="AI101" s="96"/>
      <c r="AJ101" s="96"/>
      <c r="AK101" s="97"/>
      <c r="AL101" s="97"/>
      <c r="AM101" s="98"/>
    </row>
    <row r="102" spans="1:44" s="59" customFormat="1" ht="9.75" customHeight="1">
      <c r="A102" s="76"/>
      <c r="B102" s="115"/>
      <c r="C102" s="115"/>
      <c r="D102" s="115"/>
      <c r="E102" s="115"/>
      <c r="F102" s="115"/>
      <c r="G102" s="103"/>
      <c r="H102" s="104"/>
      <c r="I102" s="103"/>
      <c r="J102" s="104"/>
      <c r="K102" s="105"/>
      <c r="L102" s="105"/>
      <c r="M102" s="106"/>
      <c r="N102" s="106"/>
      <c r="O102" s="65"/>
      <c r="P102" s="103"/>
      <c r="Q102" s="104"/>
      <c r="R102" s="103"/>
      <c r="S102" s="107"/>
      <c r="T102" s="108"/>
      <c r="U102" s="104"/>
      <c r="V102" s="103"/>
      <c r="W102" s="104"/>
      <c r="X102" s="109" t="s">
        <v>1</v>
      </c>
      <c r="Y102" s="109"/>
      <c r="Z102" s="109"/>
      <c r="AA102" s="109"/>
      <c r="AB102" s="110"/>
      <c r="AC102" s="110"/>
      <c r="AD102" s="110"/>
      <c r="AE102" s="110"/>
      <c r="AF102" s="110"/>
      <c r="AG102" s="110"/>
      <c r="AH102" s="110"/>
      <c r="AI102" s="110"/>
      <c r="AJ102" s="110"/>
      <c r="AK102" s="111"/>
      <c r="AL102" s="111"/>
      <c r="AM102" s="112"/>
    </row>
    <row r="103" spans="1:44" s="59" customFormat="1" ht="9.75" customHeight="1">
      <c r="A103" s="248" t="s">
        <v>19</v>
      </c>
      <c r="B103" s="249"/>
      <c r="C103" s="250"/>
      <c r="D103" s="250"/>
      <c r="E103" s="250"/>
      <c r="F103" s="236"/>
      <c r="G103" s="52"/>
      <c r="H103" s="53" t="s">
        <v>334</v>
      </c>
      <c r="I103" s="52" t="s">
        <v>23</v>
      </c>
      <c r="J103" s="53" t="s">
        <v>335</v>
      </c>
      <c r="K103" s="54" t="s">
        <v>22</v>
      </c>
      <c r="L103" s="54" t="s">
        <v>336</v>
      </c>
      <c r="M103" s="55"/>
      <c r="N103" s="55"/>
      <c r="O103" s="56"/>
      <c r="P103" s="52"/>
      <c r="Q103" s="53"/>
      <c r="R103" s="52" t="s">
        <v>337</v>
      </c>
      <c r="S103" s="57"/>
      <c r="T103" s="58" t="s">
        <v>337</v>
      </c>
      <c r="U103" s="53" t="s">
        <v>22</v>
      </c>
      <c r="V103" s="52"/>
      <c r="W103" s="53" t="s">
        <v>22</v>
      </c>
      <c r="X103" s="60"/>
      <c r="Y103" s="60"/>
      <c r="Z103" s="60"/>
      <c r="AA103" s="60"/>
      <c r="AB103" s="61"/>
      <c r="AC103" s="61"/>
      <c r="AD103" s="61"/>
      <c r="AE103" s="61"/>
      <c r="AF103" s="61"/>
      <c r="AG103" s="61"/>
      <c r="AH103" s="61"/>
      <c r="AI103" s="61"/>
      <c r="AJ103" s="61"/>
      <c r="AK103" s="62"/>
      <c r="AL103" s="62"/>
      <c r="AM103" s="63"/>
    </row>
    <row r="104" spans="1:44" s="59" customFormat="1" ht="9.75" customHeight="1">
      <c r="A104" s="77"/>
      <c r="B104" s="116"/>
      <c r="C104" s="116"/>
      <c r="D104" s="116"/>
      <c r="E104" s="116"/>
      <c r="F104" s="116"/>
      <c r="G104" s="79"/>
      <c r="H104" s="80"/>
      <c r="I104" s="79"/>
      <c r="J104" s="80"/>
      <c r="K104" s="81"/>
      <c r="L104" s="81"/>
      <c r="M104" s="82"/>
      <c r="N104" s="82"/>
      <c r="O104" s="78"/>
      <c r="P104" s="79"/>
      <c r="Q104" s="80"/>
      <c r="R104" s="79"/>
      <c r="S104" s="83"/>
      <c r="T104" s="84"/>
      <c r="U104" s="80"/>
      <c r="V104" s="79"/>
      <c r="W104" s="80"/>
      <c r="X104" s="117"/>
      <c r="Y104" s="117"/>
      <c r="Z104" s="117"/>
      <c r="AA104" s="117"/>
      <c r="AB104" s="118"/>
      <c r="AC104" s="118"/>
      <c r="AD104" s="118"/>
      <c r="AE104" s="118"/>
      <c r="AF104" s="118"/>
      <c r="AG104" s="118"/>
      <c r="AH104" s="118"/>
      <c r="AI104" s="118"/>
      <c r="AJ104" s="118"/>
      <c r="AK104" s="119"/>
      <c r="AL104" s="119"/>
      <c r="AM104" s="120"/>
    </row>
    <row r="105" spans="1:44" ht="9.75" customHeight="1">
      <c r="A105" s="134"/>
      <c r="B105" s="135"/>
      <c r="C105" s="135"/>
      <c r="D105" s="135"/>
      <c r="E105" s="135"/>
      <c r="F105" s="135"/>
      <c r="G105" s="135"/>
      <c r="H105" s="135"/>
      <c r="I105" s="135"/>
      <c r="J105" s="135"/>
      <c r="K105" s="135"/>
      <c r="L105" s="135"/>
      <c r="M105" s="135"/>
      <c r="N105" s="135"/>
      <c r="O105" s="135"/>
      <c r="P105" s="135"/>
      <c r="Q105" s="135"/>
      <c r="R105" s="135"/>
      <c r="S105" s="135"/>
      <c r="T105" s="135"/>
      <c r="U105" s="135"/>
      <c r="V105" s="135"/>
      <c r="W105" s="135"/>
      <c r="X105" s="136"/>
      <c r="Y105" s="136"/>
      <c r="Z105" s="136"/>
      <c r="AA105" s="136"/>
      <c r="AB105" s="136"/>
      <c r="AC105" s="136"/>
      <c r="AD105" s="136"/>
      <c r="AE105" s="136"/>
      <c r="AF105" s="136"/>
      <c r="AG105" s="136"/>
      <c r="AH105" s="136"/>
      <c r="AI105" s="136"/>
      <c r="AJ105" s="136"/>
      <c r="AK105" s="136"/>
      <c r="AL105" s="136"/>
      <c r="AM105" s="137"/>
    </row>
    <row r="106" spans="1:44" ht="9.75" customHeight="1">
      <c r="A106" s="138"/>
      <c r="B106" s="139"/>
      <c r="C106" s="139"/>
      <c r="D106" s="139"/>
      <c r="E106" s="139"/>
      <c r="F106" s="139"/>
      <c r="G106" s="139"/>
      <c r="H106" s="139"/>
      <c r="I106" s="139"/>
      <c r="J106" s="139"/>
      <c r="K106" s="139"/>
      <c r="L106" s="139"/>
      <c r="M106" s="139"/>
      <c r="N106" s="139"/>
      <c r="O106" s="139"/>
      <c r="P106" s="139"/>
      <c r="Q106" s="139"/>
      <c r="R106" s="139"/>
      <c r="S106" s="139"/>
      <c r="T106" s="139"/>
      <c r="U106" s="139"/>
      <c r="V106" s="139"/>
      <c r="W106" s="139"/>
      <c r="X106" s="139"/>
      <c r="Y106" s="139"/>
      <c r="Z106" s="139"/>
      <c r="AA106" s="139"/>
      <c r="AB106" s="139"/>
      <c r="AC106" s="139"/>
      <c r="AD106" s="139"/>
      <c r="AE106" s="139"/>
      <c r="AF106" s="139"/>
      <c r="AG106" s="139"/>
      <c r="AH106" s="139"/>
      <c r="AI106" s="139"/>
      <c r="AJ106" s="139"/>
      <c r="AK106" s="139"/>
      <c r="AL106" s="139"/>
      <c r="AM106" s="140"/>
    </row>
    <row r="107" spans="1:44" ht="9.75" customHeight="1">
      <c r="A107" s="138"/>
      <c r="B107" s="139"/>
      <c r="C107" s="139"/>
      <c r="D107" s="139"/>
      <c r="E107" s="139"/>
      <c r="F107" s="139"/>
      <c r="G107" s="139"/>
      <c r="H107" s="139"/>
      <c r="I107" s="139"/>
      <c r="J107" s="139"/>
      <c r="K107" s="139"/>
      <c r="L107" s="139"/>
      <c r="M107" s="139"/>
      <c r="N107" s="139"/>
      <c r="O107" s="139"/>
      <c r="P107" s="139"/>
      <c r="Q107" s="139"/>
      <c r="R107" s="139"/>
      <c r="S107" s="139"/>
      <c r="T107" s="139"/>
      <c r="U107" s="139"/>
      <c r="V107" s="139"/>
      <c r="W107" s="139"/>
      <c r="X107" s="139"/>
      <c r="Y107" s="139"/>
      <c r="Z107" s="139"/>
      <c r="AA107" s="139"/>
      <c r="AB107" s="139"/>
      <c r="AC107" s="139"/>
      <c r="AD107" s="139"/>
      <c r="AE107" s="139"/>
      <c r="AF107" s="139"/>
      <c r="AG107" s="139"/>
      <c r="AH107" s="139"/>
      <c r="AI107" s="139"/>
      <c r="AJ107" s="139"/>
      <c r="AK107" s="139"/>
      <c r="AL107" s="139"/>
      <c r="AM107" s="140"/>
    </row>
    <row r="108" spans="1:44" ht="9.75" customHeight="1">
      <c r="A108" s="138"/>
      <c r="B108" s="139"/>
      <c r="C108" s="139"/>
      <c r="D108" s="139"/>
      <c r="E108" s="139"/>
      <c r="F108" s="139"/>
      <c r="G108" s="139"/>
      <c r="H108" s="139"/>
      <c r="I108" s="139"/>
      <c r="J108" s="139"/>
      <c r="K108" s="139"/>
      <c r="L108" s="139"/>
      <c r="M108" s="139"/>
      <c r="N108" s="139"/>
      <c r="O108" s="139"/>
      <c r="P108" s="139"/>
      <c r="Q108" s="139"/>
      <c r="R108" s="139"/>
      <c r="S108" s="139"/>
      <c r="T108" s="139"/>
      <c r="U108" s="139"/>
      <c r="V108" s="139"/>
      <c r="W108" s="139"/>
      <c r="X108" s="139"/>
      <c r="Y108" s="139"/>
      <c r="Z108" s="139"/>
      <c r="AA108" s="139"/>
      <c r="AB108" s="139"/>
      <c r="AC108" s="139"/>
      <c r="AD108" s="139"/>
      <c r="AE108" s="139"/>
      <c r="AF108" s="139"/>
      <c r="AG108" s="139"/>
      <c r="AH108" s="139"/>
      <c r="AI108" s="139"/>
      <c r="AJ108" s="139"/>
      <c r="AK108" s="139"/>
      <c r="AL108" s="139"/>
      <c r="AM108" s="140"/>
    </row>
    <row r="109" spans="1:44" ht="9.75" customHeight="1">
      <c r="A109" s="138"/>
      <c r="B109" s="139"/>
      <c r="C109" s="139"/>
      <c r="D109" s="139"/>
      <c r="E109" s="139"/>
      <c r="F109" s="139"/>
      <c r="G109" s="139"/>
      <c r="H109" s="139"/>
      <c r="I109" s="139"/>
      <c r="J109" s="139"/>
      <c r="K109" s="139"/>
      <c r="L109" s="139"/>
      <c r="M109" s="139"/>
      <c r="N109" s="139"/>
      <c r="O109" s="139"/>
      <c r="P109" s="139"/>
      <c r="Q109" s="139"/>
      <c r="R109" s="139"/>
      <c r="S109" s="139"/>
      <c r="T109" s="139"/>
      <c r="U109" s="139"/>
      <c r="V109" s="139"/>
      <c r="W109" s="139"/>
      <c r="X109" s="139"/>
      <c r="Y109" s="139"/>
      <c r="Z109" s="139"/>
      <c r="AA109" s="139"/>
      <c r="AB109" s="139"/>
      <c r="AC109" s="139"/>
      <c r="AD109" s="139"/>
      <c r="AE109" s="139"/>
      <c r="AF109" s="139"/>
      <c r="AG109" s="139"/>
      <c r="AH109" s="139"/>
      <c r="AI109" s="139"/>
      <c r="AJ109" s="139"/>
      <c r="AK109" s="139"/>
      <c r="AL109" s="139"/>
      <c r="AM109" s="140"/>
    </row>
    <row r="110" spans="1:44" ht="9.75" customHeight="1">
      <c r="A110" s="138"/>
      <c r="B110" s="139"/>
      <c r="C110" s="139"/>
      <c r="D110" s="139"/>
      <c r="E110" s="139"/>
      <c r="F110" s="139"/>
      <c r="G110" s="139"/>
      <c r="H110" s="139"/>
      <c r="I110" s="139"/>
      <c r="J110" s="139"/>
      <c r="K110" s="139"/>
      <c r="L110" s="139"/>
      <c r="M110" s="139"/>
      <c r="N110" s="139"/>
      <c r="O110" s="139"/>
      <c r="P110" s="139"/>
      <c r="Q110" s="139"/>
      <c r="R110" s="139"/>
      <c r="S110" s="139"/>
      <c r="T110" s="139"/>
      <c r="U110" s="139"/>
      <c r="V110" s="139"/>
      <c r="W110" s="139"/>
      <c r="X110" s="139"/>
      <c r="Y110" s="139"/>
      <c r="Z110" s="139"/>
      <c r="AA110" s="139"/>
      <c r="AB110" s="139"/>
      <c r="AC110" s="139"/>
      <c r="AD110" s="139"/>
      <c r="AE110" s="139"/>
      <c r="AF110" s="139"/>
      <c r="AG110" s="139"/>
      <c r="AH110" s="139"/>
      <c r="AI110" s="139"/>
      <c r="AJ110" s="139"/>
      <c r="AK110" s="139"/>
      <c r="AL110" s="139"/>
      <c r="AM110" s="140"/>
    </row>
    <row r="111" spans="1:44" ht="9.75" customHeight="1">
      <c r="A111" s="138"/>
      <c r="B111" s="139"/>
      <c r="C111" s="139"/>
      <c r="D111" s="139"/>
      <c r="E111" s="139"/>
      <c r="F111" s="139"/>
      <c r="G111" s="139"/>
      <c r="H111" s="139"/>
      <c r="I111" s="139"/>
      <c r="J111" s="139"/>
      <c r="K111" s="139"/>
      <c r="L111" s="139"/>
      <c r="M111" s="139"/>
      <c r="N111" s="139"/>
      <c r="O111" s="139"/>
      <c r="P111" s="139"/>
      <c r="Q111" s="139"/>
      <c r="R111" s="139"/>
      <c r="S111" s="139"/>
      <c r="T111" s="139"/>
      <c r="U111" s="139"/>
      <c r="V111" s="139"/>
      <c r="W111" s="139"/>
      <c r="X111" s="139"/>
      <c r="Y111" s="139"/>
      <c r="Z111" s="139"/>
      <c r="AA111" s="139"/>
      <c r="AB111" s="139"/>
      <c r="AC111" s="139"/>
      <c r="AD111" s="139"/>
      <c r="AE111" s="139"/>
      <c r="AF111" s="139"/>
      <c r="AG111" s="139"/>
      <c r="AH111" s="139"/>
      <c r="AI111" s="139"/>
      <c r="AJ111" s="139"/>
      <c r="AK111" s="139"/>
      <c r="AL111" s="139"/>
      <c r="AM111" s="140"/>
    </row>
    <row r="112" spans="1:44" ht="9.75" customHeight="1">
      <c r="A112" s="138"/>
      <c r="B112" s="139"/>
      <c r="C112" s="139"/>
      <c r="D112" s="139"/>
      <c r="E112" s="139"/>
      <c r="F112" s="139"/>
      <c r="G112" s="139"/>
      <c r="H112" s="139"/>
      <c r="I112" s="139"/>
      <c r="J112" s="139"/>
      <c r="K112" s="139"/>
      <c r="L112" s="139"/>
      <c r="M112" s="139"/>
      <c r="N112" s="139"/>
      <c r="O112" s="139"/>
      <c r="P112" s="139"/>
      <c r="Q112" s="139"/>
      <c r="R112" s="139"/>
      <c r="S112" s="139"/>
      <c r="T112" s="139"/>
      <c r="U112" s="139"/>
      <c r="V112" s="139"/>
      <c r="W112" s="139"/>
      <c r="X112" s="139"/>
      <c r="Y112" s="139"/>
      <c r="Z112" s="139"/>
      <c r="AA112" s="139"/>
      <c r="AB112" s="139"/>
      <c r="AC112" s="139"/>
      <c r="AD112" s="139"/>
      <c r="AE112" s="139"/>
      <c r="AF112" s="139"/>
      <c r="AG112" s="139"/>
      <c r="AH112" s="139"/>
      <c r="AI112" s="139"/>
      <c r="AJ112" s="139"/>
      <c r="AK112" s="139"/>
      <c r="AL112" s="139"/>
      <c r="AM112" s="140"/>
    </row>
    <row r="113" spans="1:39" ht="9.75" customHeight="1">
      <c r="A113" s="138"/>
      <c r="B113" s="139"/>
      <c r="C113" s="139"/>
      <c r="D113" s="139"/>
      <c r="E113" s="139"/>
      <c r="F113" s="139"/>
      <c r="G113" s="139"/>
      <c r="H113" s="139"/>
      <c r="I113" s="139"/>
      <c r="J113" s="139"/>
      <c r="K113" s="139"/>
      <c r="L113" s="139"/>
      <c r="M113" s="139"/>
      <c r="N113" s="139"/>
      <c r="O113" s="139"/>
      <c r="P113" s="139"/>
      <c r="Q113" s="139"/>
      <c r="R113" s="139"/>
      <c r="S113" s="139"/>
      <c r="T113" s="139"/>
      <c r="U113" s="139"/>
      <c r="V113" s="139"/>
      <c r="W113" s="139"/>
      <c r="X113" s="139"/>
      <c r="Y113" s="139"/>
      <c r="Z113" s="139"/>
      <c r="AA113" s="139"/>
      <c r="AB113" s="139"/>
      <c r="AC113" s="139"/>
      <c r="AD113" s="139"/>
      <c r="AE113" s="139"/>
      <c r="AF113" s="139"/>
      <c r="AG113" s="139"/>
      <c r="AH113" s="139"/>
      <c r="AI113" s="139"/>
      <c r="AJ113" s="139"/>
      <c r="AK113" s="139"/>
      <c r="AL113" s="139"/>
      <c r="AM113" s="140"/>
    </row>
    <row r="114" spans="1:39" ht="9.75" customHeight="1">
      <c r="A114" s="138"/>
      <c r="B114" s="139"/>
      <c r="C114" s="139"/>
      <c r="D114" s="139"/>
      <c r="E114" s="139"/>
      <c r="F114" s="139"/>
      <c r="G114" s="139"/>
      <c r="H114" s="139"/>
      <c r="I114" s="139"/>
      <c r="J114" s="139"/>
      <c r="K114" s="139"/>
      <c r="L114" s="139"/>
      <c r="M114" s="139"/>
      <c r="N114" s="139"/>
      <c r="O114" s="139"/>
      <c r="P114" s="139"/>
      <c r="Q114" s="139"/>
      <c r="R114" s="139"/>
      <c r="S114" s="139"/>
      <c r="T114" s="139"/>
      <c r="U114" s="139"/>
      <c r="V114" s="139"/>
      <c r="W114" s="139"/>
      <c r="X114" s="139"/>
      <c r="Y114" s="139"/>
      <c r="Z114" s="139"/>
      <c r="AA114" s="139"/>
      <c r="AB114" s="139"/>
      <c r="AC114" s="139"/>
      <c r="AD114" s="139"/>
      <c r="AE114" s="139"/>
      <c r="AF114" s="139"/>
      <c r="AG114" s="139"/>
      <c r="AH114" s="139"/>
      <c r="AI114" s="139"/>
      <c r="AJ114" s="139"/>
      <c r="AK114" s="139"/>
      <c r="AL114" s="139"/>
      <c r="AM114" s="140"/>
    </row>
    <row r="115" spans="1:39" ht="9.75" customHeight="1">
      <c r="A115" s="138"/>
      <c r="B115" s="139"/>
      <c r="C115" s="139"/>
      <c r="D115" s="139"/>
      <c r="E115" s="139"/>
      <c r="F115" s="139"/>
      <c r="G115" s="139"/>
      <c r="H115" s="139"/>
      <c r="I115" s="139"/>
      <c r="J115" s="139"/>
      <c r="K115" s="139"/>
      <c r="L115" s="139"/>
      <c r="M115" s="139"/>
      <c r="N115" s="139"/>
      <c r="O115" s="139"/>
      <c r="P115" s="139"/>
      <c r="Q115" s="139"/>
      <c r="R115" s="139"/>
      <c r="S115" s="139"/>
      <c r="T115" s="139"/>
      <c r="U115" s="139"/>
      <c r="V115" s="139"/>
      <c r="W115" s="139"/>
      <c r="X115" s="139"/>
      <c r="Y115" s="139"/>
      <c r="Z115" s="139"/>
      <c r="AA115" s="139"/>
      <c r="AB115" s="139"/>
      <c r="AC115" s="139"/>
      <c r="AD115" s="139"/>
      <c r="AE115" s="139"/>
      <c r="AF115" s="139"/>
      <c r="AG115" s="139"/>
      <c r="AH115" s="139"/>
      <c r="AI115" s="139"/>
      <c r="AJ115" s="139"/>
      <c r="AK115" s="139"/>
      <c r="AL115" s="139"/>
      <c r="AM115" s="140"/>
    </row>
    <row r="116" spans="1:39" ht="9.75" customHeight="1">
      <c r="A116" s="138"/>
      <c r="B116" s="139"/>
      <c r="C116" s="139"/>
      <c r="D116" s="139"/>
      <c r="E116" s="139"/>
      <c r="F116" s="139"/>
      <c r="G116" s="139"/>
      <c r="H116" s="139"/>
      <c r="I116" s="139"/>
      <c r="J116" s="139"/>
      <c r="K116" s="139"/>
      <c r="L116" s="139"/>
      <c r="M116" s="139"/>
      <c r="N116" s="139"/>
      <c r="O116" s="139"/>
      <c r="P116" s="139"/>
      <c r="Q116" s="139"/>
      <c r="R116" s="139"/>
      <c r="S116" s="139"/>
      <c r="T116" s="139"/>
      <c r="U116" s="139"/>
      <c r="V116" s="139"/>
      <c r="W116" s="139"/>
      <c r="X116" s="139"/>
      <c r="Y116" s="139"/>
      <c r="Z116" s="139"/>
      <c r="AA116" s="139"/>
      <c r="AB116" s="139"/>
      <c r="AC116" s="139"/>
      <c r="AD116" s="139"/>
      <c r="AE116" s="139"/>
      <c r="AF116" s="139"/>
      <c r="AG116" s="139"/>
      <c r="AH116" s="139"/>
      <c r="AI116" s="139"/>
      <c r="AJ116" s="139"/>
      <c r="AK116" s="139"/>
      <c r="AL116" s="139"/>
      <c r="AM116" s="140"/>
    </row>
    <row r="117" spans="1:39" ht="9.75" customHeight="1">
      <c r="A117" s="138"/>
      <c r="B117" s="139"/>
      <c r="C117" s="139"/>
      <c r="D117" s="139"/>
      <c r="E117" s="139"/>
      <c r="F117" s="139"/>
      <c r="G117" s="139"/>
      <c r="H117" s="139"/>
      <c r="I117" s="139"/>
      <c r="J117" s="139"/>
      <c r="K117" s="139"/>
      <c r="L117" s="139"/>
      <c r="M117" s="139"/>
      <c r="N117" s="139"/>
      <c r="O117" s="139"/>
      <c r="P117" s="139"/>
      <c r="Q117" s="139"/>
      <c r="R117" s="139"/>
      <c r="S117" s="139"/>
      <c r="T117" s="139"/>
      <c r="U117" s="139"/>
      <c r="V117" s="139"/>
      <c r="W117" s="139"/>
      <c r="X117" s="139"/>
      <c r="Y117" s="139"/>
      <c r="Z117" s="139"/>
      <c r="AA117" s="139"/>
      <c r="AB117" s="139"/>
      <c r="AC117" s="139"/>
      <c r="AD117" s="139"/>
      <c r="AE117" s="139"/>
      <c r="AF117" s="139"/>
      <c r="AG117" s="139"/>
      <c r="AH117" s="139"/>
      <c r="AI117" s="139"/>
      <c r="AJ117" s="139"/>
      <c r="AK117" s="139"/>
      <c r="AL117" s="139"/>
      <c r="AM117" s="140"/>
    </row>
    <row r="118" spans="1:39" ht="9.75" customHeight="1">
      <c r="A118" s="138"/>
      <c r="B118" s="139"/>
      <c r="C118" s="139"/>
      <c r="D118" s="139"/>
      <c r="E118" s="139"/>
      <c r="F118" s="139"/>
      <c r="G118" s="139"/>
      <c r="H118" s="139"/>
      <c r="I118" s="139"/>
      <c r="J118" s="139"/>
      <c r="K118" s="139"/>
      <c r="L118" s="139"/>
      <c r="M118" s="139"/>
      <c r="N118" s="139"/>
      <c r="O118" s="139"/>
      <c r="P118" s="139"/>
      <c r="Q118" s="139"/>
      <c r="R118" s="139"/>
      <c r="S118" s="139"/>
      <c r="T118" s="139"/>
      <c r="U118" s="139"/>
      <c r="V118" s="139"/>
      <c r="W118" s="139"/>
      <c r="X118" s="139"/>
      <c r="Y118" s="139"/>
      <c r="Z118" s="139"/>
      <c r="AA118" s="139"/>
      <c r="AB118" s="139"/>
      <c r="AC118" s="139"/>
      <c r="AD118" s="139"/>
      <c r="AE118" s="139"/>
      <c r="AF118" s="139"/>
      <c r="AG118" s="139"/>
      <c r="AH118" s="139"/>
      <c r="AI118" s="139"/>
      <c r="AJ118" s="139"/>
      <c r="AK118" s="139"/>
      <c r="AL118" s="139"/>
      <c r="AM118" s="140"/>
    </row>
    <row r="119" spans="1:39" ht="9.75" customHeight="1">
      <c r="A119" s="138"/>
      <c r="B119" s="139"/>
      <c r="C119" s="139"/>
      <c r="D119" s="139"/>
      <c r="E119" s="139"/>
      <c r="F119" s="139"/>
      <c r="G119" s="139"/>
      <c r="H119" s="139"/>
      <c r="I119" s="139"/>
      <c r="J119" s="139"/>
      <c r="K119" s="139"/>
      <c r="L119" s="139"/>
      <c r="M119" s="139"/>
      <c r="N119" s="139"/>
      <c r="O119" s="139"/>
      <c r="P119" s="139"/>
      <c r="Q119" s="139"/>
      <c r="R119" s="139"/>
      <c r="S119" s="139"/>
      <c r="T119" s="139"/>
      <c r="U119" s="139"/>
      <c r="V119" s="139"/>
      <c r="W119" s="139"/>
      <c r="X119" s="139"/>
      <c r="Y119" s="139"/>
      <c r="Z119" s="139"/>
      <c r="AA119" s="139"/>
      <c r="AB119" s="139"/>
      <c r="AC119" s="139"/>
      <c r="AD119" s="139"/>
      <c r="AE119" s="139"/>
      <c r="AF119" s="139"/>
      <c r="AG119" s="139"/>
      <c r="AH119" s="139"/>
      <c r="AI119" s="139"/>
      <c r="AJ119" s="139"/>
      <c r="AK119" s="139"/>
      <c r="AL119" s="139"/>
      <c r="AM119" s="140"/>
    </row>
    <row r="120" spans="1:39" ht="9.75" customHeight="1">
      <c r="A120" s="138"/>
      <c r="B120" s="139"/>
      <c r="C120" s="139"/>
      <c r="D120" s="139"/>
      <c r="E120" s="139"/>
      <c r="F120" s="139"/>
      <c r="G120" s="139"/>
      <c r="H120" s="139"/>
      <c r="I120" s="139"/>
      <c r="J120" s="139"/>
      <c r="K120" s="139"/>
      <c r="L120" s="139"/>
      <c r="M120" s="139"/>
      <c r="N120" s="139"/>
      <c r="O120" s="139"/>
      <c r="P120" s="139"/>
      <c r="Q120" s="139"/>
      <c r="R120" s="139"/>
      <c r="S120" s="139"/>
      <c r="T120" s="139"/>
      <c r="U120" s="139"/>
      <c r="V120" s="139"/>
      <c r="W120" s="139"/>
      <c r="X120" s="139"/>
      <c r="Y120" s="139"/>
      <c r="Z120" s="139"/>
      <c r="AA120" s="139"/>
      <c r="AB120" s="139"/>
      <c r="AC120" s="139"/>
      <c r="AD120" s="139"/>
      <c r="AE120" s="139"/>
      <c r="AF120" s="139"/>
      <c r="AG120" s="139"/>
      <c r="AH120" s="139"/>
      <c r="AI120" s="139"/>
      <c r="AJ120" s="139"/>
      <c r="AK120" s="139"/>
      <c r="AL120" s="139"/>
      <c r="AM120" s="140"/>
    </row>
    <row r="121" spans="1:39" ht="9.75" customHeight="1">
      <c r="A121" s="138"/>
      <c r="B121" s="139"/>
      <c r="C121" s="139"/>
      <c r="D121" s="139"/>
      <c r="E121" s="139"/>
      <c r="F121" s="139"/>
      <c r="G121" s="139"/>
      <c r="H121" s="139"/>
      <c r="I121" s="139"/>
      <c r="J121" s="139"/>
      <c r="K121" s="139"/>
      <c r="L121" s="139"/>
      <c r="M121" s="139"/>
      <c r="N121" s="139"/>
      <c r="O121" s="139"/>
      <c r="P121" s="139"/>
      <c r="Q121" s="139"/>
      <c r="R121" s="139"/>
      <c r="S121" s="139"/>
      <c r="T121" s="139"/>
      <c r="U121" s="139"/>
      <c r="V121" s="139"/>
      <c r="W121" s="139"/>
      <c r="X121" s="139"/>
      <c r="Y121" s="139"/>
      <c r="Z121" s="139"/>
      <c r="AA121" s="139"/>
      <c r="AB121" s="139"/>
      <c r="AC121" s="139"/>
      <c r="AD121" s="139"/>
      <c r="AE121" s="139"/>
      <c r="AF121" s="139"/>
      <c r="AG121" s="139"/>
      <c r="AH121" s="139"/>
      <c r="AI121" s="139"/>
      <c r="AJ121" s="139"/>
      <c r="AK121" s="139"/>
      <c r="AL121" s="139"/>
      <c r="AM121" s="140"/>
    </row>
    <row r="122" spans="1:39" ht="9.75" customHeight="1">
      <c r="A122" s="138"/>
      <c r="B122" s="139"/>
      <c r="C122" s="139"/>
      <c r="D122" s="139"/>
      <c r="E122" s="139"/>
      <c r="F122" s="139"/>
      <c r="G122" s="139"/>
      <c r="H122" s="139"/>
      <c r="I122" s="139"/>
      <c r="J122" s="139"/>
      <c r="K122" s="139"/>
      <c r="L122" s="139"/>
      <c r="M122" s="139"/>
      <c r="N122" s="139"/>
      <c r="O122" s="139"/>
      <c r="P122" s="139"/>
      <c r="Q122" s="139"/>
      <c r="R122" s="139"/>
      <c r="S122" s="139"/>
      <c r="T122" s="139"/>
      <c r="U122" s="139"/>
      <c r="V122" s="139"/>
      <c r="W122" s="139"/>
      <c r="X122" s="139"/>
      <c r="Y122" s="139"/>
      <c r="Z122" s="139"/>
      <c r="AA122" s="139"/>
      <c r="AB122" s="139"/>
      <c r="AC122" s="139"/>
      <c r="AD122" s="139"/>
      <c r="AE122" s="139"/>
      <c r="AF122" s="139"/>
      <c r="AG122" s="139"/>
      <c r="AH122" s="139"/>
      <c r="AI122" s="139"/>
      <c r="AJ122" s="139"/>
      <c r="AK122" s="139"/>
      <c r="AL122" s="139"/>
      <c r="AM122" s="140"/>
    </row>
    <row r="123" spans="1:39" ht="9.75" customHeight="1">
      <c r="A123" s="138"/>
      <c r="B123" s="139"/>
      <c r="C123" s="139"/>
      <c r="D123" s="139"/>
      <c r="E123" s="139"/>
      <c r="F123" s="139"/>
      <c r="G123" s="139"/>
      <c r="H123" s="139"/>
      <c r="I123" s="139"/>
      <c r="J123" s="139"/>
      <c r="K123" s="139"/>
      <c r="L123" s="139"/>
      <c r="M123" s="139"/>
      <c r="N123" s="139"/>
      <c r="O123" s="139"/>
      <c r="P123" s="139"/>
      <c r="Q123" s="139"/>
      <c r="R123" s="139"/>
      <c r="S123" s="139"/>
      <c r="T123" s="139"/>
      <c r="U123" s="139"/>
      <c r="V123" s="139"/>
      <c r="W123" s="139"/>
      <c r="X123" s="139"/>
      <c r="Y123" s="139"/>
      <c r="Z123" s="139"/>
      <c r="AA123" s="139"/>
      <c r="AB123" s="139"/>
      <c r="AC123" s="139"/>
      <c r="AD123" s="139"/>
      <c r="AE123" s="139"/>
      <c r="AF123" s="139"/>
      <c r="AG123" s="139"/>
      <c r="AH123" s="139"/>
      <c r="AI123" s="139"/>
      <c r="AJ123" s="139"/>
      <c r="AK123" s="139"/>
      <c r="AL123" s="139"/>
      <c r="AM123" s="140"/>
    </row>
    <row r="124" spans="1:39" ht="9.75" customHeight="1">
      <c r="A124" s="138"/>
      <c r="B124" s="139"/>
      <c r="C124" s="139"/>
      <c r="D124" s="139"/>
      <c r="E124" s="139"/>
      <c r="F124" s="139"/>
      <c r="G124" s="139"/>
      <c r="H124" s="139"/>
      <c r="I124" s="139"/>
      <c r="J124" s="139"/>
      <c r="K124" s="139"/>
      <c r="L124" s="139"/>
      <c r="M124" s="139"/>
      <c r="N124" s="139"/>
      <c r="O124" s="139"/>
      <c r="P124" s="139"/>
      <c r="Q124" s="139"/>
      <c r="R124" s="139"/>
      <c r="S124" s="139"/>
      <c r="T124" s="139"/>
      <c r="U124" s="139"/>
      <c r="V124" s="139"/>
      <c r="W124" s="139"/>
      <c r="X124" s="139"/>
      <c r="Y124" s="139"/>
      <c r="Z124" s="139"/>
      <c r="AA124" s="139"/>
      <c r="AB124" s="139"/>
      <c r="AC124" s="139"/>
      <c r="AD124" s="139"/>
      <c r="AE124" s="139"/>
      <c r="AF124" s="139"/>
      <c r="AG124" s="139"/>
      <c r="AH124" s="139"/>
      <c r="AI124" s="139"/>
      <c r="AJ124" s="139"/>
      <c r="AK124" s="139"/>
      <c r="AL124" s="139"/>
      <c r="AM124" s="140"/>
    </row>
    <row r="125" spans="1:39" ht="9.75" customHeight="1">
      <c r="A125" s="138"/>
      <c r="B125" s="139"/>
      <c r="C125" s="139"/>
      <c r="D125" s="139"/>
      <c r="E125" s="139"/>
      <c r="F125" s="139"/>
      <c r="G125" s="139"/>
      <c r="H125" s="139"/>
      <c r="I125" s="139"/>
      <c r="J125" s="139"/>
      <c r="K125" s="139"/>
      <c r="L125" s="139"/>
      <c r="M125" s="139"/>
      <c r="N125" s="139"/>
      <c r="O125" s="139"/>
      <c r="P125" s="139"/>
      <c r="Q125" s="139"/>
      <c r="R125" s="139"/>
      <c r="S125" s="139"/>
      <c r="T125" s="139"/>
      <c r="U125" s="139"/>
      <c r="V125" s="139"/>
      <c r="W125" s="139"/>
      <c r="X125" s="139"/>
      <c r="Y125" s="139"/>
      <c r="Z125" s="139"/>
      <c r="AA125" s="139"/>
      <c r="AB125" s="139"/>
      <c r="AC125" s="139"/>
      <c r="AD125" s="139"/>
      <c r="AE125" s="139"/>
      <c r="AF125" s="139"/>
      <c r="AG125" s="139"/>
      <c r="AH125" s="139"/>
      <c r="AI125" s="139"/>
      <c r="AJ125" s="139"/>
      <c r="AK125" s="139"/>
      <c r="AL125" s="139"/>
      <c r="AM125" s="140"/>
    </row>
    <row r="126" spans="1:39" ht="9.75" customHeight="1">
      <c r="A126" s="138"/>
      <c r="B126" s="139"/>
      <c r="C126" s="139"/>
      <c r="D126" s="139"/>
      <c r="E126" s="139"/>
      <c r="F126" s="139"/>
      <c r="G126" s="139"/>
      <c r="H126" s="139"/>
      <c r="I126" s="139"/>
      <c r="J126" s="139"/>
      <c r="K126" s="139"/>
      <c r="L126" s="139"/>
      <c r="M126" s="139"/>
      <c r="N126" s="139"/>
      <c r="O126" s="139"/>
      <c r="P126" s="139"/>
      <c r="Q126" s="139"/>
      <c r="R126" s="139"/>
      <c r="S126" s="139"/>
      <c r="T126" s="139"/>
      <c r="U126" s="139"/>
      <c r="V126" s="139"/>
      <c r="W126" s="139"/>
      <c r="X126" s="139"/>
      <c r="Y126" s="139"/>
      <c r="Z126" s="139"/>
      <c r="AA126" s="139"/>
      <c r="AB126" s="139"/>
      <c r="AC126" s="139"/>
      <c r="AD126" s="139"/>
      <c r="AE126" s="139"/>
      <c r="AF126" s="139"/>
      <c r="AG126" s="139"/>
      <c r="AH126" s="139"/>
      <c r="AI126" s="139"/>
      <c r="AJ126" s="139"/>
      <c r="AK126" s="139"/>
      <c r="AL126" s="139"/>
      <c r="AM126" s="140"/>
    </row>
    <row r="127" spans="1:39" ht="9.75" customHeight="1">
      <c r="A127" s="138"/>
      <c r="B127" s="139"/>
      <c r="C127" s="139"/>
      <c r="D127" s="139"/>
      <c r="E127" s="139"/>
      <c r="F127" s="139"/>
      <c r="G127" s="139"/>
      <c r="H127" s="139"/>
      <c r="I127" s="139"/>
      <c r="J127" s="139"/>
      <c r="K127" s="139"/>
      <c r="L127" s="139"/>
      <c r="M127" s="139"/>
      <c r="N127" s="139"/>
      <c r="O127" s="139"/>
      <c r="P127" s="139"/>
      <c r="Q127" s="139"/>
      <c r="R127" s="139"/>
      <c r="S127" s="139"/>
      <c r="T127" s="139"/>
      <c r="U127" s="139"/>
      <c r="V127" s="139"/>
      <c r="W127" s="139"/>
      <c r="X127" s="139"/>
      <c r="Y127" s="139"/>
      <c r="Z127" s="139"/>
      <c r="AA127" s="139"/>
      <c r="AB127" s="139"/>
      <c r="AC127" s="139"/>
      <c r="AD127" s="139"/>
      <c r="AE127" s="139"/>
      <c r="AF127" s="139"/>
      <c r="AG127" s="139"/>
      <c r="AH127" s="139"/>
      <c r="AI127" s="139"/>
      <c r="AJ127" s="139"/>
      <c r="AK127" s="139"/>
      <c r="AL127" s="139"/>
      <c r="AM127" s="140"/>
    </row>
    <row r="128" spans="1:39" ht="9.75" customHeight="1">
      <c r="A128" s="138"/>
      <c r="B128" s="139"/>
      <c r="C128" s="139"/>
      <c r="D128" s="139"/>
      <c r="E128" s="139"/>
      <c r="F128" s="139"/>
      <c r="G128" s="139"/>
      <c r="H128" s="139"/>
      <c r="I128" s="139"/>
      <c r="J128" s="139"/>
      <c r="K128" s="139"/>
      <c r="L128" s="139"/>
      <c r="M128" s="139"/>
      <c r="N128" s="139"/>
      <c r="O128" s="139"/>
      <c r="P128" s="139"/>
      <c r="Q128" s="139"/>
      <c r="R128" s="139"/>
      <c r="S128" s="139"/>
      <c r="T128" s="139"/>
      <c r="U128" s="139"/>
      <c r="V128" s="139"/>
      <c r="W128" s="139"/>
      <c r="X128" s="139"/>
      <c r="Y128" s="139"/>
      <c r="Z128" s="139"/>
      <c r="AA128" s="139"/>
      <c r="AB128" s="139"/>
      <c r="AC128" s="139"/>
      <c r="AD128" s="139"/>
      <c r="AE128" s="139"/>
      <c r="AF128" s="139"/>
      <c r="AG128" s="139"/>
      <c r="AH128" s="139"/>
      <c r="AI128" s="139"/>
      <c r="AJ128" s="139"/>
      <c r="AK128" s="139"/>
      <c r="AL128" s="139"/>
      <c r="AM128" s="140"/>
    </row>
    <row r="129" spans="1:39" ht="9.75" customHeight="1">
      <c r="A129" s="138"/>
      <c r="B129" s="139"/>
      <c r="C129" s="139"/>
      <c r="D129" s="139"/>
      <c r="E129" s="139"/>
      <c r="F129" s="139"/>
      <c r="G129" s="139"/>
      <c r="H129" s="139"/>
      <c r="I129" s="139"/>
      <c r="J129" s="139"/>
      <c r="K129" s="139"/>
      <c r="L129" s="139"/>
      <c r="M129" s="139"/>
      <c r="N129" s="139"/>
      <c r="O129" s="139"/>
      <c r="P129" s="139"/>
      <c r="Q129" s="139"/>
      <c r="R129" s="139"/>
      <c r="S129" s="139"/>
      <c r="T129" s="139"/>
      <c r="U129" s="139"/>
      <c r="V129" s="139"/>
      <c r="W129" s="139"/>
      <c r="X129" s="139"/>
      <c r="Y129" s="139"/>
      <c r="Z129" s="139"/>
      <c r="AA129" s="139"/>
      <c r="AB129" s="139"/>
      <c r="AC129" s="139"/>
      <c r="AD129" s="139"/>
      <c r="AE129" s="139"/>
      <c r="AF129" s="139"/>
      <c r="AG129" s="139"/>
      <c r="AH129" s="139"/>
      <c r="AI129" s="139"/>
      <c r="AJ129" s="139"/>
      <c r="AK129" s="139"/>
      <c r="AL129" s="139"/>
      <c r="AM129" s="140"/>
    </row>
    <row r="130" spans="1:39" ht="9.75" customHeight="1">
      <c r="A130" s="138"/>
      <c r="B130" s="139"/>
      <c r="C130" s="139"/>
      <c r="D130" s="139"/>
      <c r="E130" s="139"/>
      <c r="F130" s="139"/>
      <c r="G130" s="139"/>
      <c r="H130" s="139"/>
      <c r="I130" s="139"/>
      <c r="J130" s="139"/>
      <c r="K130" s="139"/>
      <c r="L130" s="139"/>
      <c r="M130" s="139"/>
      <c r="N130" s="139"/>
      <c r="O130" s="139"/>
      <c r="P130" s="139"/>
      <c r="Q130" s="139"/>
      <c r="R130" s="139"/>
      <c r="S130" s="139"/>
      <c r="T130" s="139"/>
      <c r="U130" s="139"/>
      <c r="V130" s="139"/>
      <c r="W130" s="139"/>
      <c r="X130" s="139"/>
      <c r="Y130" s="139"/>
      <c r="Z130" s="139"/>
      <c r="AA130" s="139"/>
      <c r="AB130" s="139"/>
      <c r="AC130" s="139"/>
      <c r="AD130" s="139"/>
      <c r="AE130" s="139"/>
      <c r="AF130" s="139"/>
      <c r="AG130" s="139"/>
      <c r="AH130" s="139"/>
      <c r="AI130" s="139"/>
      <c r="AJ130" s="139"/>
      <c r="AK130" s="139"/>
      <c r="AL130" s="139"/>
      <c r="AM130" s="140"/>
    </row>
    <row r="131" spans="1:39" ht="9.75" customHeight="1">
      <c r="A131" s="138"/>
      <c r="B131" s="139"/>
      <c r="C131" s="139"/>
      <c r="D131" s="139"/>
      <c r="E131" s="139"/>
      <c r="F131" s="139"/>
      <c r="G131" s="139"/>
      <c r="H131" s="139"/>
      <c r="I131" s="139"/>
      <c r="J131" s="139"/>
      <c r="K131" s="139"/>
      <c r="L131" s="139"/>
      <c r="M131" s="139"/>
      <c r="N131" s="139"/>
      <c r="O131" s="139"/>
      <c r="P131" s="139"/>
      <c r="Q131" s="139"/>
      <c r="R131" s="139"/>
      <c r="S131" s="139"/>
      <c r="T131" s="139"/>
      <c r="U131" s="139"/>
      <c r="V131" s="139"/>
      <c r="W131" s="139"/>
      <c r="X131" s="139"/>
      <c r="Y131" s="139"/>
      <c r="Z131" s="139"/>
      <c r="AA131" s="139"/>
      <c r="AB131" s="139"/>
      <c r="AC131" s="139"/>
      <c r="AD131" s="139"/>
      <c r="AE131" s="139"/>
      <c r="AF131" s="139"/>
      <c r="AG131" s="139"/>
      <c r="AH131" s="139"/>
      <c r="AI131" s="139"/>
      <c r="AJ131" s="139"/>
      <c r="AK131" s="139"/>
      <c r="AL131" s="139"/>
      <c r="AM131" s="140"/>
    </row>
    <row r="132" spans="1:39" ht="9.75" customHeight="1">
      <c r="A132" s="138"/>
      <c r="B132" s="139"/>
      <c r="C132" s="139"/>
      <c r="D132" s="139"/>
      <c r="E132" s="139"/>
      <c r="F132" s="139"/>
      <c r="G132" s="139"/>
      <c r="H132" s="139"/>
      <c r="I132" s="139"/>
      <c r="J132" s="139"/>
      <c r="K132" s="139"/>
      <c r="L132" s="139"/>
      <c r="M132" s="139"/>
      <c r="N132" s="139"/>
      <c r="O132" s="139"/>
      <c r="P132" s="139"/>
      <c r="Q132" s="139"/>
      <c r="R132" s="139"/>
      <c r="S132" s="139"/>
      <c r="T132" s="139"/>
      <c r="U132" s="139"/>
      <c r="V132" s="139"/>
      <c r="W132" s="139"/>
      <c r="X132" s="139"/>
      <c r="Y132" s="139"/>
      <c r="Z132" s="139"/>
      <c r="AA132" s="139"/>
      <c r="AB132" s="139"/>
      <c r="AC132" s="139"/>
      <c r="AD132" s="139"/>
      <c r="AE132" s="139"/>
      <c r="AF132" s="139"/>
      <c r="AG132" s="139"/>
      <c r="AH132" s="139"/>
      <c r="AI132" s="139"/>
      <c r="AJ132" s="139"/>
      <c r="AK132" s="139"/>
      <c r="AL132" s="139"/>
      <c r="AM132" s="140"/>
    </row>
    <row r="133" spans="1:39" ht="9.75" customHeight="1">
      <c r="A133" s="138"/>
      <c r="B133" s="139"/>
      <c r="C133" s="139"/>
      <c r="D133" s="139"/>
      <c r="E133" s="139"/>
      <c r="F133" s="139"/>
      <c r="G133" s="139"/>
      <c r="H133" s="139"/>
      <c r="I133" s="139"/>
      <c r="J133" s="139"/>
      <c r="K133" s="139"/>
      <c r="L133" s="139"/>
      <c r="M133" s="139"/>
      <c r="N133" s="139"/>
      <c r="O133" s="139"/>
      <c r="P133" s="139"/>
      <c r="Q133" s="139"/>
      <c r="R133" s="139"/>
      <c r="S133" s="139"/>
      <c r="T133" s="139"/>
      <c r="U133" s="139"/>
      <c r="V133" s="139"/>
      <c r="W133" s="139"/>
      <c r="X133" s="139"/>
      <c r="Y133" s="139"/>
      <c r="Z133" s="139"/>
      <c r="AA133" s="139"/>
      <c r="AB133" s="139"/>
      <c r="AC133" s="139"/>
      <c r="AD133" s="139"/>
      <c r="AE133" s="139"/>
      <c r="AF133" s="139"/>
      <c r="AG133" s="139"/>
      <c r="AH133" s="139"/>
      <c r="AI133" s="139"/>
      <c r="AJ133" s="139"/>
      <c r="AK133" s="139"/>
      <c r="AL133" s="139"/>
      <c r="AM133" s="140"/>
    </row>
    <row r="134" spans="1:39" ht="9.75" customHeight="1">
      <c r="A134" s="138"/>
      <c r="B134" s="139"/>
      <c r="C134" s="139"/>
      <c r="D134" s="139"/>
      <c r="E134" s="139"/>
      <c r="F134" s="139"/>
      <c r="G134" s="139"/>
      <c r="H134" s="139"/>
      <c r="I134" s="139"/>
      <c r="J134" s="139"/>
      <c r="K134" s="139"/>
      <c r="L134" s="139"/>
      <c r="M134" s="139"/>
      <c r="N134" s="139"/>
      <c r="O134" s="139"/>
      <c r="P134" s="139"/>
      <c r="Q134" s="139"/>
      <c r="R134" s="139"/>
      <c r="S134" s="139"/>
      <c r="T134" s="139"/>
      <c r="U134" s="139"/>
      <c r="V134" s="139"/>
      <c r="W134" s="139"/>
      <c r="X134" s="139"/>
      <c r="Y134" s="139"/>
      <c r="Z134" s="139"/>
      <c r="AA134" s="139"/>
      <c r="AB134" s="139"/>
      <c r="AC134" s="139"/>
      <c r="AD134" s="139"/>
      <c r="AE134" s="139"/>
      <c r="AF134" s="139"/>
      <c r="AG134" s="139"/>
      <c r="AH134" s="139"/>
      <c r="AI134" s="139"/>
      <c r="AJ134" s="139"/>
      <c r="AK134" s="139"/>
      <c r="AL134" s="139"/>
      <c r="AM134" s="140"/>
    </row>
    <row r="135" spans="1:39" ht="9.75" customHeight="1">
      <c r="A135" s="138"/>
      <c r="B135" s="139"/>
      <c r="C135" s="139"/>
      <c r="D135" s="139"/>
      <c r="E135" s="139"/>
      <c r="F135" s="139"/>
      <c r="G135" s="139"/>
      <c r="H135" s="139"/>
      <c r="I135" s="139"/>
      <c r="J135" s="139"/>
      <c r="K135" s="139"/>
      <c r="L135" s="139"/>
      <c r="M135" s="139"/>
      <c r="N135" s="139"/>
      <c r="O135" s="139"/>
      <c r="P135" s="139"/>
      <c r="Q135" s="139"/>
      <c r="R135" s="139"/>
      <c r="S135" s="139"/>
      <c r="T135" s="139"/>
      <c r="U135" s="139"/>
      <c r="V135" s="139"/>
      <c r="W135" s="139"/>
      <c r="X135" s="139"/>
      <c r="Y135" s="139"/>
      <c r="Z135" s="139"/>
      <c r="AA135" s="139"/>
      <c r="AB135" s="139"/>
      <c r="AC135" s="139"/>
      <c r="AD135" s="139"/>
      <c r="AE135" s="139"/>
      <c r="AF135" s="139"/>
      <c r="AG135" s="139"/>
      <c r="AH135" s="139"/>
      <c r="AI135" s="139"/>
      <c r="AJ135" s="139"/>
      <c r="AK135" s="139"/>
      <c r="AL135" s="139"/>
      <c r="AM135" s="140"/>
    </row>
    <row r="136" spans="1:39" ht="9.75" customHeight="1">
      <c r="A136" s="138"/>
      <c r="B136" s="139"/>
      <c r="C136" s="139"/>
      <c r="D136" s="139"/>
      <c r="E136" s="139"/>
      <c r="F136" s="139"/>
      <c r="G136" s="139"/>
      <c r="H136" s="139"/>
      <c r="I136" s="139"/>
      <c r="J136" s="139"/>
      <c r="K136" s="139"/>
      <c r="L136" s="139"/>
      <c r="M136" s="139"/>
      <c r="N136" s="139"/>
      <c r="O136" s="139"/>
      <c r="P136" s="139"/>
      <c r="Q136" s="139"/>
      <c r="R136" s="139"/>
      <c r="S136" s="139"/>
      <c r="T136" s="139"/>
      <c r="U136" s="139"/>
      <c r="V136" s="139"/>
      <c r="W136" s="139"/>
      <c r="X136" s="139"/>
      <c r="Y136" s="139"/>
      <c r="Z136" s="139"/>
      <c r="AA136" s="139"/>
      <c r="AB136" s="139"/>
      <c r="AC136" s="139"/>
      <c r="AD136" s="139"/>
      <c r="AE136" s="139"/>
      <c r="AF136" s="139"/>
      <c r="AG136" s="139"/>
      <c r="AH136" s="139"/>
      <c r="AI136" s="139"/>
      <c r="AJ136" s="139"/>
      <c r="AK136" s="139"/>
      <c r="AL136" s="139"/>
      <c r="AM136" s="140"/>
    </row>
    <row r="137" spans="1:39" ht="9.75" customHeight="1">
      <c r="A137" s="138"/>
      <c r="B137" s="139"/>
      <c r="C137" s="139"/>
      <c r="D137" s="139"/>
      <c r="E137" s="139"/>
      <c r="F137" s="139"/>
      <c r="G137" s="139"/>
      <c r="H137" s="139"/>
      <c r="I137" s="139"/>
      <c r="J137" s="139"/>
      <c r="K137" s="139"/>
      <c r="L137" s="139"/>
      <c r="M137" s="139"/>
      <c r="N137" s="139"/>
      <c r="O137" s="139"/>
      <c r="P137" s="139"/>
      <c r="Q137" s="139"/>
      <c r="R137" s="139"/>
      <c r="S137" s="139"/>
      <c r="T137" s="139"/>
      <c r="U137" s="139"/>
      <c r="V137" s="139"/>
      <c r="W137" s="139"/>
      <c r="X137" s="139"/>
      <c r="Y137" s="139"/>
      <c r="Z137" s="139"/>
      <c r="AA137" s="139"/>
      <c r="AB137" s="139"/>
      <c r="AC137" s="139"/>
      <c r="AD137" s="139"/>
      <c r="AE137" s="139"/>
      <c r="AF137" s="139"/>
      <c r="AG137" s="139"/>
      <c r="AH137" s="139"/>
      <c r="AI137" s="139"/>
      <c r="AJ137" s="139"/>
      <c r="AK137" s="139"/>
      <c r="AL137" s="139"/>
      <c r="AM137" s="140"/>
    </row>
    <row r="138" spans="1:39" ht="9.75" customHeight="1">
      <c r="A138" s="138"/>
      <c r="B138" s="139"/>
      <c r="C138" s="139"/>
      <c r="D138" s="139"/>
      <c r="E138" s="139"/>
      <c r="F138" s="139"/>
      <c r="G138" s="139"/>
      <c r="H138" s="139"/>
      <c r="I138" s="139"/>
      <c r="J138" s="139"/>
      <c r="K138" s="139"/>
      <c r="L138" s="139"/>
      <c r="M138" s="139"/>
      <c r="N138" s="139"/>
      <c r="O138" s="139"/>
      <c r="P138" s="139"/>
      <c r="Q138" s="139"/>
      <c r="R138" s="139"/>
      <c r="S138" s="139"/>
      <c r="T138" s="139"/>
      <c r="U138" s="139"/>
      <c r="V138" s="139"/>
      <c r="W138" s="139"/>
      <c r="X138" s="139"/>
      <c r="Y138" s="139"/>
      <c r="Z138" s="139"/>
      <c r="AA138" s="139"/>
      <c r="AB138" s="139"/>
      <c r="AC138" s="139"/>
      <c r="AD138" s="139"/>
      <c r="AE138" s="139"/>
      <c r="AF138" s="139"/>
      <c r="AG138" s="139"/>
      <c r="AH138" s="139"/>
      <c r="AI138" s="139"/>
      <c r="AJ138" s="139"/>
      <c r="AK138" s="139"/>
      <c r="AL138" s="139"/>
      <c r="AM138" s="140"/>
    </row>
    <row r="139" spans="1:39" ht="9.75" customHeight="1">
      <c r="A139" s="138"/>
      <c r="B139" s="139"/>
      <c r="C139" s="139"/>
      <c r="D139" s="139"/>
      <c r="E139" s="139"/>
      <c r="F139" s="139"/>
      <c r="G139" s="139"/>
      <c r="H139" s="139"/>
      <c r="I139" s="139"/>
      <c r="J139" s="139"/>
      <c r="K139" s="139"/>
      <c r="L139" s="139"/>
      <c r="M139" s="139"/>
      <c r="N139" s="139"/>
      <c r="O139" s="139"/>
      <c r="P139" s="139"/>
      <c r="Q139" s="139"/>
      <c r="R139" s="139"/>
      <c r="S139" s="139"/>
      <c r="T139" s="139"/>
      <c r="U139" s="139"/>
      <c r="V139" s="139"/>
      <c r="W139" s="139"/>
      <c r="X139" s="139"/>
      <c r="Y139" s="139"/>
      <c r="Z139" s="139"/>
      <c r="AA139" s="139"/>
      <c r="AB139" s="139"/>
      <c r="AC139" s="139"/>
      <c r="AD139" s="139"/>
      <c r="AE139" s="139"/>
      <c r="AF139" s="139"/>
      <c r="AG139" s="139"/>
      <c r="AH139" s="139"/>
      <c r="AI139" s="139"/>
      <c r="AJ139" s="139"/>
      <c r="AK139" s="139"/>
      <c r="AL139" s="139"/>
      <c r="AM139" s="140"/>
    </row>
    <row r="140" spans="1:39" ht="9.75" customHeight="1">
      <c r="A140" s="138"/>
      <c r="B140" s="139"/>
      <c r="C140" s="139"/>
      <c r="D140" s="139"/>
      <c r="E140" s="139"/>
      <c r="F140" s="139"/>
      <c r="G140" s="139"/>
      <c r="H140" s="139"/>
      <c r="I140" s="139"/>
      <c r="J140" s="139"/>
      <c r="K140" s="139"/>
      <c r="L140" s="139"/>
      <c r="M140" s="139"/>
      <c r="N140" s="139"/>
      <c r="O140" s="139"/>
      <c r="P140" s="139"/>
      <c r="Q140" s="139"/>
      <c r="R140" s="139"/>
      <c r="S140" s="139"/>
      <c r="T140" s="139"/>
      <c r="U140" s="139"/>
      <c r="V140" s="139"/>
      <c r="W140" s="139"/>
      <c r="X140" s="139"/>
      <c r="Y140" s="139"/>
      <c r="Z140" s="139"/>
      <c r="AA140" s="139"/>
      <c r="AB140" s="139"/>
      <c r="AC140" s="139"/>
      <c r="AD140" s="139"/>
      <c r="AE140" s="139"/>
      <c r="AF140" s="139"/>
      <c r="AG140" s="139"/>
      <c r="AH140" s="139"/>
      <c r="AI140" s="139"/>
      <c r="AJ140" s="139"/>
      <c r="AK140" s="139"/>
      <c r="AL140" s="139"/>
      <c r="AM140" s="140"/>
    </row>
    <row r="141" spans="1:39" ht="9.75" customHeight="1">
      <c r="A141" s="138"/>
      <c r="B141" s="139"/>
      <c r="C141" s="139"/>
      <c r="D141" s="139"/>
      <c r="E141" s="139"/>
      <c r="F141" s="139"/>
      <c r="G141" s="139"/>
      <c r="H141" s="139"/>
      <c r="I141" s="139"/>
      <c r="J141" s="139"/>
      <c r="K141" s="139"/>
      <c r="L141" s="139"/>
      <c r="M141" s="139"/>
      <c r="N141" s="139"/>
      <c r="O141" s="139"/>
      <c r="P141" s="139"/>
      <c r="Q141" s="139"/>
      <c r="R141" s="139"/>
      <c r="S141" s="139"/>
      <c r="T141" s="139"/>
      <c r="U141" s="139"/>
      <c r="V141" s="139"/>
      <c r="W141" s="139"/>
      <c r="X141" s="139"/>
      <c r="Y141" s="139"/>
      <c r="Z141" s="139"/>
      <c r="AA141" s="139"/>
      <c r="AB141" s="139"/>
      <c r="AC141" s="139"/>
      <c r="AD141" s="139"/>
      <c r="AE141" s="139"/>
      <c r="AF141" s="139"/>
      <c r="AG141" s="139"/>
      <c r="AH141" s="139"/>
      <c r="AI141" s="139"/>
      <c r="AJ141" s="139"/>
      <c r="AK141" s="139"/>
      <c r="AL141" s="139"/>
      <c r="AM141" s="140"/>
    </row>
    <row r="142" spans="1:39" ht="9.75" customHeight="1">
      <c r="A142" s="138"/>
      <c r="B142" s="139"/>
      <c r="C142" s="139"/>
      <c r="D142" s="139"/>
      <c r="E142" s="139"/>
      <c r="F142" s="139"/>
      <c r="G142" s="139"/>
      <c r="H142" s="139"/>
      <c r="I142" s="139"/>
      <c r="J142" s="139"/>
      <c r="K142" s="139"/>
      <c r="L142" s="139"/>
      <c r="M142" s="139"/>
      <c r="N142" s="139"/>
      <c r="O142" s="139"/>
      <c r="P142" s="139"/>
      <c r="Q142" s="139"/>
      <c r="R142" s="139"/>
      <c r="S142" s="139"/>
      <c r="T142" s="139"/>
      <c r="U142" s="139"/>
      <c r="V142" s="139"/>
      <c r="W142" s="139"/>
      <c r="X142" s="139"/>
      <c r="Y142" s="139"/>
      <c r="Z142" s="139"/>
      <c r="AA142" s="139"/>
      <c r="AB142" s="139"/>
      <c r="AC142" s="139"/>
      <c r="AD142" s="139"/>
      <c r="AE142" s="139"/>
      <c r="AF142" s="139"/>
      <c r="AG142" s="139"/>
      <c r="AH142" s="139"/>
      <c r="AI142" s="139"/>
      <c r="AJ142" s="139"/>
      <c r="AK142" s="139"/>
      <c r="AL142" s="139"/>
      <c r="AM142" s="140"/>
    </row>
    <row r="143" spans="1:39" ht="9.75" customHeight="1">
      <c r="A143" s="138"/>
      <c r="B143" s="139"/>
      <c r="C143" s="139"/>
      <c r="D143" s="139"/>
      <c r="E143" s="139"/>
      <c r="F143" s="139"/>
      <c r="G143" s="139"/>
      <c r="H143" s="139"/>
      <c r="I143" s="139"/>
      <c r="J143" s="139"/>
      <c r="K143" s="139"/>
      <c r="L143" s="139"/>
      <c r="M143" s="139"/>
      <c r="N143" s="139"/>
      <c r="O143" s="139"/>
      <c r="P143" s="139"/>
      <c r="Q143" s="139"/>
      <c r="R143" s="139"/>
      <c r="S143" s="139"/>
      <c r="T143" s="139"/>
      <c r="U143" s="139"/>
      <c r="V143" s="139"/>
      <c r="W143" s="139"/>
      <c r="X143" s="139"/>
      <c r="Y143" s="139"/>
      <c r="Z143" s="139"/>
      <c r="AA143" s="139"/>
      <c r="AB143" s="139"/>
      <c r="AC143" s="139"/>
      <c r="AD143" s="139"/>
      <c r="AE143" s="139"/>
      <c r="AF143" s="139"/>
      <c r="AG143" s="139"/>
      <c r="AH143" s="139"/>
      <c r="AI143" s="139"/>
      <c r="AJ143" s="139"/>
      <c r="AK143" s="139"/>
      <c r="AL143" s="139"/>
      <c r="AM143" s="140"/>
    </row>
    <row r="144" spans="1:39" ht="9.75" customHeight="1">
      <c r="A144" s="138"/>
      <c r="B144" s="139"/>
      <c r="C144" s="139"/>
      <c r="D144" s="139"/>
      <c r="E144" s="139"/>
      <c r="F144" s="139"/>
      <c r="G144" s="139"/>
      <c r="H144" s="139"/>
      <c r="I144" s="139"/>
      <c r="J144" s="139"/>
      <c r="K144" s="139"/>
      <c r="L144" s="139"/>
      <c r="M144" s="139"/>
      <c r="N144" s="139"/>
      <c r="O144" s="139"/>
      <c r="P144" s="139"/>
      <c r="Q144" s="139"/>
      <c r="R144" s="139"/>
      <c r="S144" s="139"/>
      <c r="T144" s="139"/>
      <c r="U144" s="139"/>
      <c r="V144" s="139"/>
      <c r="W144" s="139"/>
      <c r="X144" s="139"/>
      <c r="Y144" s="139"/>
      <c r="Z144" s="139"/>
      <c r="AA144" s="139"/>
      <c r="AB144" s="139"/>
      <c r="AC144" s="139"/>
      <c r="AD144" s="139"/>
      <c r="AE144" s="139"/>
      <c r="AF144" s="139"/>
      <c r="AG144" s="139"/>
      <c r="AH144" s="139"/>
      <c r="AI144" s="139"/>
      <c r="AJ144" s="139"/>
      <c r="AK144" s="139"/>
      <c r="AL144" s="139"/>
      <c r="AM144" s="140"/>
    </row>
    <row r="145" spans="1:39" ht="9.75" customHeight="1">
      <c r="A145" s="138"/>
      <c r="B145" s="139"/>
      <c r="C145" s="139"/>
      <c r="D145" s="139"/>
      <c r="E145" s="139"/>
      <c r="F145" s="139"/>
      <c r="G145" s="139"/>
      <c r="H145" s="139"/>
      <c r="I145" s="139"/>
      <c r="J145" s="139"/>
      <c r="K145" s="139"/>
      <c r="L145" s="139"/>
      <c r="M145" s="139"/>
      <c r="N145" s="139"/>
      <c r="O145" s="139"/>
      <c r="P145" s="139"/>
      <c r="Q145" s="139"/>
      <c r="R145" s="139"/>
      <c r="S145" s="139"/>
      <c r="T145" s="139"/>
      <c r="U145" s="139"/>
      <c r="V145" s="139"/>
      <c r="W145" s="139"/>
      <c r="X145" s="139"/>
      <c r="Y145" s="139"/>
      <c r="Z145" s="139"/>
      <c r="AA145" s="139"/>
      <c r="AB145" s="139"/>
      <c r="AC145" s="139"/>
      <c r="AD145" s="139"/>
      <c r="AE145" s="139"/>
      <c r="AF145" s="139"/>
      <c r="AG145" s="139"/>
      <c r="AH145" s="139"/>
      <c r="AI145" s="139"/>
      <c r="AJ145" s="139"/>
      <c r="AK145" s="139"/>
      <c r="AL145" s="139"/>
      <c r="AM145" s="140"/>
    </row>
    <row r="146" spans="1:39" ht="9.75" customHeight="1">
      <c r="A146" s="138"/>
      <c r="B146" s="139"/>
      <c r="C146" s="139"/>
      <c r="D146" s="139"/>
      <c r="E146" s="139"/>
      <c r="F146" s="139"/>
      <c r="G146" s="139"/>
      <c r="H146" s="139"/>
      <c r="I146" s="139"/>
      <c r="J146" s="139"/>
      <c r="K146" s="139"/>
      <c r="L146" s="139"/>
      <c r="M146" s="139"/>
      <c r="N146" s="139"/>
      <c r="O146" s="139"/>
      <c r="P146" s="139"/>
      <c r="Q146" s="139"/>
      <c r="R146" s="139"/>
      <c r="S146" s="139"/>
      <c r="T146" s="139"/>
      <c r="U146" s="139"/>
      <c r="V146" s="139"/>
      <c r="W146" s="139"/>
      <c r="X146" s="139"/>
      <c r="Y146" s="139"/>
      <c r="Z146" s="139"/>
      <c r="AA146" s="139"/>
      <c r="AB146" s="139"/>
      <c r="AC146" s="139"/>
      <c r="AD146" s="139"/>
      <c r="AE146" s="139"/>
      <c r="AF146" s="139"/>
      <c r="AG146" s="139"/>
      <c r="AH146" s="139"/>
      <c r="AI146" s="139"/>
      <c r="AJ146" s="139"/>
      <c r="AK146" s="139"/>
      <c r="AL146" s="139"/>
      <c r="AM146" s="140"/>
    </row>
    <row r="147" spans="1:39" ht="9.75" customHeight="1">
      <c r="A147" s="138"/>
      <c r="B147" s="139"/>
      <c r="C147" s="139"/>
      <c r="D147" s="139"/>
      <c r="E147" s="139"/>
      <c r="F147" s="139"/>
      <c r="G147" s="139"/>
      <c r="H147" s="139"/>
      <c r="I147" s="139"/>
      <c r="J147" s="139"/>
      <c r="K147" s="139"/>
      <c r="L147" s="139"/>
      <c r="M147" s="139"/>
      <c r="N147" s="139"/>
      <c r="O147" s="139"/>
      <c r="P147" s="139"/>
      <c r="Q147" s="139"/>
      <c r="R147" s="139"/>
      <c r="S147" s="139"/>
      <c r="T147" s="139"/>
      <c r="U147" s="139"/>
      <c r="V147" s="139"/>
      <c r="W147" s="139"/>
      <c r="X147" s="139"/>
      <c r="Y147" s="139"/>
      <c r="Z147" s="139"/>
      <c r="AA147" s="139"/>
      <c r="AB147" s="139"/>
      <c r="AC147" s="139"/>
      <c r="AD147" s="139"/>
      <c r="AE147" s="139"/>
      <c r="AF147" s="139"/>
      <c r="AG147" s="139"/>
      <c r="AH147" s="139"/>
      <c r="AI147" s="139"/>
      <c r="AJ147" s="139"/>
      <c r="AK147" s="139"/>
      <c r="AL147" s="139"/>
      <c r="AM147" s="140"/>
    </row>
    <row r="148" spans="1:39" ht="9.75" customHeight="1">
      <c r="A148" s="138"/>
      <c r="B148" s="139"/>
      <c r="C148" s="139"/>
      <c r="D148" s="139"/>
      <c r="E148" s="139"/>
      <c r="F148" s="139"/>
      <c r="G148" s="139"/>
      <c r="H148" s="139"/>
      <c r="I148" s="139"/>
      <c r="J148" s="139"/>
      <c r="K148" s="139"/>
      <c r="L148" s="139"/>
      <c r="M148" s="139"/>
      <c r="N148" s="139"/>
      <c r="O148" s="139"/>
      <c r="P148" s="139"/>
      <c r="Q148" s="139"/>
      <c r="R148" s="139"/>
      <c r="S148" s="139"/>
      <c r="T148" s="139"/>
      <c r="U148" s="139"/>
      <c r="V148" s="139"/>
      <c r="W148" s="139"/>
      <c r="X148" s="139"/>
      <c r="Y148" s="139"/>
      <c r="Z148" s="139"/>
      <c r="AA148" s="139"/>
      <c r="AB148" s="139"/>
      <c r="AC148" s="139"/>
      <c r="AD148" s="139"/>
      <c r="AE148" s="139"/>
      <c r="AF148" s="139"/>
      <c r="AG148" s="139"/>
      <c r="AH148" s="139"/>
      <c r="AI148" s="139"/>
      <c r="AJ148" s="139"/>
      <c r="AK148" s="139"/>
      <c r="AL148" s="139"/>
      <c r="AM148" s="140"/>
    </row>
    <row r="149" spans="1:39" ht="9.75" customHeight="1">
      <c r="A149" s="138"/>
      <c r="B149" s="139"/>
      <c r="C149" s="139"/>
      <c r="D149" s="139"/>
      <c r="E149" s="139"/>
      <c r="F149" s="139"/>
      <c r="G149" s="139"/>
      <c r="H149" s="139"/>
      <c r="I149" s="139"/>
      <c r="J149" s="139"/>
      <c r="K149" s="139"/>
      <c r="L149" s="139"/>
      <c r="M149" s="139"/>
      <c r="N149" s="139"/>
      <c r="O149" s="139"/>
      <c r="P149" s="139"/>
      <c r="Q149" s="139"/>
      <c r="R149" s="139"/>
      <c r="S149" s="139"/>
      <c r="T149" s="139"/>
      <c r="U149" s="139"/>
      <c r="V149" s="139"/>
      <c r="W149" s="139"/>
      <c r="X149" s="139"/>
      <c r="Y149" s="139"/>
      <c r="Z149" s="139"/>
      <c r="AA149" s="139"/>
      <c r="AB149" s="139"/>
      <c r="AC149" s="139"/>
      <c r="AD149" s="139"/>
      <c r="AE149" s="139"/>
      <c r="AF149" s="139"/>
      <c r="AG149" s="139"/>
      <c r="AH149" s="139"/>
      <c r="AI149" s="139"/>
      <c r="AJ149" s="139"/>
      <c r="AK149" s="139"/>
      <c r="AL149" s="139"/>
      <c r="AM149" s="140"/>
    </row>
    <row r="150" spans="1:39" ht="9.75" customHeight="1">
      <c r="A150" s="138"/>
      <c r="B150" s="139"/>
      <c r="C150" s="139"/>
      <c r="D150" s="139"/>
      <c r="E150" s="139"/>
      <c r="F150" s="139"/>
      <c r="G150" s="139"/>
      <c r="H150" s="139"/>
      <c r="I150" s="139"/>
      <c r="J150" s="139"/>
      <c r="K150" s="139"/>
      <c r="L150" s="139"/>
      <c r="M150" s="139"/>
      <c r="N150" s="139"/>
      <c r="O150" s="139"/>
      <c r="P150" s="139"/>
      <c r="Q150" s="139"/>
      <c r="R150" s="139"/>
      <c r="S150" s="139"/>
      <c r="T150" s="139"/>
      <c r="U150" s="139"/>
      <c r="V150" s="139"/>
      <c r="W150" s="139"/>
      <c r="X150" s="139"/>
      <c r="Y150" s="139"/>
      <c r="Z150" s="139"/>
      <c r="AA150" s="139"/>
      <c r="AB150" s="139"/>
      <c r="AC150" s="139"/>
      <c r="AD150" s="139"/>
      <c r="AE150" s="139"/>
      <c r="AF150" s="139"/>
      <c r="AG150" s="139"/>
      <c r="AH150" s="139"/>
      <c r="AI150" s="139"/>
      <c r="AJ150" s="139"/>
      <c r="AK150" s="139"/>
      <c r="AL150" s="139"/>
      <c r="AM150" s="140"/>
    </row>
    <row r="151" spans="1:39" ht="9.75" customHeight="1">
      <c r="A151" s="138"/>
      <c r="B151" s="139"/>
      <c r="C151" s="139"/>
      <c r="D151" s="139"/>
      <c r="E151" s="139"/>
      <c r="F151" s="139"/>
      <c r="G151" s="139"/>
      <c r="H151" s="139"/>
      <c r="I151" s="139"/>
      <c r="J151" s="139"/>
      <c r="K151" s="139"/>
      <c r="L151" s="139"/>
      <c r="M151" s="139"/>
      <c r="N151" s="139"/>
      <c r="O151" s="139"/>
      <c r="P151" s="139"/>
      <c r="Q151" s="139"/>
      <c r="R151" s="139"/>
      <c r="S151" s="139"/>
      <c r="T151" s="139"/>
      <c r="U151" s="139"/>
      <c r="V151" s="139"/>
      <c r="W151" s="139"/>
      <c r="X151" s="139"/>
      <c r="Y151" s="139"/>
      <c r="Z151" s="139"/>
      <c r="AA151" s="139"/>
      <c r="AB151" s="139"/>
      <c r="AC151" s="139"/>
      <c r="AD151" s="139"/>
      <c r="AE151" s="139"/>
      <c r="AF151" s="139"/>
      <c r="AG151" s="139"/>
      <c r="AH151" s="139"/>
      <c r="AI151" s="139"/>
      <c r="AJ151" s="139"/>
      <c r="AK151" s="139"/>
      <c r="AL151" s="139"/>
      <c r="AM151" s="140"/>
    </row>
    <row r="152" spans="1:39" ht="9.75" customHeight="1">
      <c r="A152" s="138"/>
      <c r="B152" s="139"/>
      <c r="C152" s="139"/>
      <c r="D152" s="139"/>
      <c r="E152" s="139"/>
      <c r="F152" s="139"/>
      <c r="G152" s="139"/>
      <c r="H152" s="139"/>
      <c r="I152" s="139"/>
      <c r="J152" s="139"/>
      <c r="K152" s="139"/>
      <c r="L152" s="139"/>
      <c r="M152" s="139"/>
      <c r="N152" s="139"/>
      <c r="O152" s="139"/>
      <c r="P152" s="139"/>
      <c r="Q152" s="139"/>
      <c r="R152" s="139"/>
      <c r="S152" s="139"/>
      <c r="T152" s="139"/>
      <c r="U152" s="139"/>
      <c r="V152" s="139"/>
      <c r="W152" s="139"/>
      <c r="X152" s="139"/>
      <c r="Y152" s="139"/>
      <c r="Z152" s="139"/>
      <c r="AA152" s="139"/>
      <c r="AB152" s="139"/>
      <c r="AC152" s="139"/>
      <c r="AD152" s="139"/>
      <c r="AE152" s="139"/>
      <c r="AF152" s="139"/>
      <c r="AG152" s="139"/>
      <c r="AH152" s="139"/>
      <c r="AI152" s="139"/>
      <c r="AJ152" s="139"/>
      <c r="AK152" s="139"/>
      <c r="AL152" s="139"/>
      <c r="AM152" s="140"/>
    </row>
    <row r="153" spans="1:39" ht="9.75" customHeight="1">
      <c r="A153" s="138"/>
      <c r="B153" s="139"/>
      <c r="C153" s="139"/>
      <c r="D153" s="139"/>
      <c r="E153" s="139"/>
      <c r="F153" s="139"/>
      <c r="G153" s="139"/>
      <c r="H153" s="139"/>
      <c r="I153" s="139"/>
      <c r="J153" s="139"/>
      <c r="K153" s="139"/>
      <c r="L153" s="139"/>
      <c r="M153" s="139"/>
      <c r="N153" s="139"/>
      <c r="O153" s="139"/>
      <c r="P153" s="139"/>
      <c r="Q153" s="139"/>
      <c r="R153" s="139"/>
      <c r="S153" s="139"/>
      <c r="T153" s="139"/>
      <c r="U153" s="139"/>
      <c r="V153" s="139"/>
      <c r="W153" s="139"/>
      <c r="X153" s="139"/>
      <c r="Y153" s="139"/>
      <c r="Z153" s="139"/>
      <c r="AA153" s="139"/>
      <c r="AB153" s="139"/>
      <c r="AC153" s="139"/>
      <c r="AD153" s="139"/>
      <c r="AE153" s="139"/>
      <c r="AF153" s="139"/>
      <c r="AG153" s="139"/>
      <c r="AH153" s="139"/>
      <c r="AI153" s="139"/>
      <c r="AJ153" s="139"/>
      <c r="AK153" s="139"/>
      <c r="AL153" s="139"/>
      <c r="AM153" s="140"/>
    </row>
    <row r="154" spans="1:39" ht="9.75" customHeight="1">
      <c r="A154" s="138"/>
      <c r="B154" s="139"/>
      <c r="C154" s="139"/>
      <c r="D154" s="139"/>
      <c r="E154" s="139"/>
      <c r="F154" s="139"/>
      <c r="G154" s="139"/>
      <c r="H154" s="139"/>
      <c r="I154" s="139"/>
      <c r="J154" s="139"/>
      <c r="K154" s="139"/>
      <c r="L154" s="139"/>
      <c r="M154" s="139"/>
      <c r="N154" s="139"/>
      <c r="O154" s="139"/>
      <c r="P154" s="139"/>
      <c r="Q154" s="139"/>
      <c r="R154" s="139"/>
      <c r="S154" s="139"/>
      <c r="T154" s="139"/>
      <c r="U154" s="139"/>
      <c r="V154" s="139"/>
      <c r="W154" s="139"/>
      <c r="X154" s="139"/>
      <c r="Y154" s="139"/>
      <c r="Z154" s="139"/>
      <c r="AA154" s="139"/>
      <c r="AB154" s="139"/>
      <c r="AC154" s="139"/>
      <c r="AD154" s="139"/>
      <c r="AE154" s="139"/>
      <c r="AF154" s="139"/>
      <c r="AG154" s="139"/>
      <c r="AH154" s="139"/>
      <c r="AI154" s="139"/>
      <c r="AJ154" s="139"/>
      <c r="AK154" s="139"/>
      <c r="AL154" s="139"/>
      <c r="AM154" s="140"/>
    </row>
    <row r="155" spans="1:39" ht="9.75" customHeight="1">
      <c r="A155" s="138"/>
      <c r="B155" s="139"/>
      <c r="C155" s="139"/>
      <c r="D155" s="139"/>
      <c r="E155" s="139"/>
      <c r="F155" s="139"/>
      <c r="G155" s="139"/>
      <c r="H155" s="139"/>
      <c r="I155" s="139"/>
      <c r="J155" s="139"/>
      <c r="K155" s="139"/>
      <c r="L155" s="139"/>
      <c r="M155" s="139"/>
      <c r="N155" s="139"/>
      <c r="O155" s="139"/>
      <c r="P155" s="139"/>
      <c r="Q155" s="139"/>
      <c r="R155" s="139"/>
      <c r="S155" s="139"/>
      <c r="T155" s="139"/>
      <c r="U155" s="139"/>
      <c r="V155" s="139"/>
      <c r="W155" s="139"/>
      <c r="X155" s="139"/>
      <c r="Y155" s="139"/>
      <c r="Z155" s="139"/>
      <c r="AA155" s="139"/>
      <c r="AB155" s="139"/>
      <c r="AC155" s="139"/>
      <c r="AD155" s="139"/>
      <c r="AE155" s="139"/>
      <c r="AF155" s="139"/>
      <c r="AG155" s="139"/>
      <c r="AH155" s="139"/>
      <c r="AI155" s="139"/>
      <c r="AJ155" s="139"/>
      <c r="AK155" s="139"/>
      <c r="AL155" s="139"/>
      <c r="AM155" s="140"/>
    </row>
    <row r="156" spans="1:39" ht="9.75" customHeight="1">
      <c r="A156" s="138"/>
      <c r="B156" s="139"/>
      <c r="C156" s="139"/>
      <c r="D156" s="139"/>
      <c r="E156" s="139"/>
      <c r="F156" s="139"/>
      <c r="G156" s="139"/>
      <c r="H156" s="139"/>
      <c r="I156" s="139"/>
      <c r="J156" s="139"/>
      <c r="K156" s="139"/>
      <c r="L156" s="139"/>
      <c r="M156" s="139"/>
      <c r="N156" s="139"/>
      <c r="O156" s="139"/>
      <c r="P156" s="139"/>
      <c r="Q156" s="139"/>
      <c r="R156" s="139"/>
      <c r="S156" s="139"/>
      <c r="T156" s="139"/>
      <c r="U156" s="139"/>
      <c r="V156" s="139"/>
      <c r="W156" s="139"/>
      <c r="X156" s="139"/>
      <c r="Y156" s="139"/>
      <c r="Z156" s="139"/>
      <c r="AA156" s="139"/>
      <c r="AB156" s="139"/>
      <c r="AC156" s="139"/>
      <c r="AD156" s="139"/>
      <c r="AE156" s="139"/>
      <c r="AF156" s="139"/>
      <c r="AG156" s="139"/>
      <c r="AH156" s="139"/>
      <c r="AI156" s="139"/>
      <c r="AJ156" s="139"/>
      <c r="AK156" s="139"/>
      <c r="AL156" s="139"/>
      <c r="AM156" s="140"/>
    </row>
    <row r="157" spans="1:39" ht="9.75" customHeight="1">
      <c r="A157" s="138"/>
      <c r="B157" s="139"/>
      <c r="C157" s="139"/>
      <c r="D157" s="139"/>
      <c r="E157" s="139"/>
      <c r="F157" s="139"/>
      <c r="G157" s="139"/>
      <c r="H157" s="139"/>
      <c r="I157" s="139"/>
      <c r="J157" s="139"/>
      <c r="K157" s="139"/>
      <c r="L157" s="139"/>
      <c r="M157" s="139"/>
      <c r="N157" s="139"/>
      <c r="O157" s="139"/>
      <c r="P157" s="139"/>
      <c r="Q157" s="139"/>
      <c r="R157" s="139"/>
      <c r="S157" s="139"/>
      <c r="T157" s="139"/>
      <c r="U157" s="139"/>
      <c r="V157" s="139"/>
      <c r="W157" s="139"/>
      <c r="X157" s="139"/>
      <c r="Y157" s="139"/>
      <c r="Z157" s="139"/>
      <c r="AA157" s="139"/>
      <c r="AB157" s="139"/>
      <c r="AC157" s="139"/>
      <c r="AD157" s="139"/>
      <c r="AE157" s="139"/>
      <c r="AF157" s="139"/>
      <c r="AG157" s="139"/>
      <c r="AH157" s="139"/>
      <c r="AI157" s="139"/>
      <c r="AJ157" s="139"/>
      <c r="AK157" s="139"/>
      <c r="AL157" s="139"/>
      <c r="AM157" s="140"/>
    </row>
    <row r="158" spans="1:39" ht="9.75" customHeight="1">
      <c r="A158" s="138"/>
      <c r="B158" s="139"/>
      <c r="C158" s="139"/>
      <c r="D158" s="139"/>
      <c r="E158" s="139"/>
      <c r="F158" s="139"/>
      <c r="G158" s="139"/>
      <c r="H158" s="139"/>
      <c r="I158" s="139"/>
      <c r="J158" s="139"/>
      <c r="K158" s="139"/>
      <c r="L158" s="139"/>
      <c r="M158" s="139"/>
      <c r="N158" s="139"/>
      <c r="O158" s="139"/>
      <c r="P158" s="139"/>
      <c r="Q158" s="139"/>
      <c r="R158" s="139"/>
      <c r="S158" s="139"/>
      <c r="T158" s="139"/>
      <c r="U158" s="139"/>
      <c r="V158" s="139"/>
      <c r="W158" s="139"/>
      <c r="X158" s="139"/>
      <c r="Y158" s="139"/>
      <c r="Z158" s="139"/>
      <c r="AA158" s="139"/>
      <c r="AB158" s="139"/>
      <c r="AC158" s="139"/>
      <c r="AD158" s="139"/>
      <c r="AE158" s="139"/>
      <c r="AF158" s="139"/>
      <c r="AG158" s="139"/>
      <c r="AH158" s="139"/>
      <c r="AI158" s="139"/>
      <c r="AJ158" s="139"/>
      <c r="AK158" s="139"/>
      <c r="AL158" s="139"/>
      <c r="AM158" s="140"/>
    </row>
    <row r="159" spans="1:39" ht="9.75" customHeight="1">
      <c r="A159" s="138"/>
      <c r="B159" s="139"/>
      <c r="C159" s="139"/>
      <c r="D159" s="139"/>
      <c r="E159" s="139"/>
      <c r="F159" s="139"/>
      <c r="G159" s="139"/>
      <c r="H159" s="139"/>
      <c r="I159" s="139"/>
      <c r="J159" s="139"/>
      <c r="K159" s="139"/>
      <c r="L159" s="139"/>
      <c r="M159" s="139"/>
      <c r="N159" s="139"/>
      <c r="O159" s="139"/>
      <c r="P159" s="139"/>
      <c r="Q159" s="139"/>
      <c r="R159" s="139"/>
      <c r="S159" s="139"/>
      <c r="T159" s="139"/>
      <c r="U159" s="139"/>
      <c r="V159" s="139"/>
      <c r="W159" s="139"/>
      <c r="X159" s="139"/>
      <c r="Y159" s="139"/>
      <c r="Z159" s="139"/>
      <c r="AA159" s="139"/>
      <c r="AB159" s="139"/>
      <c r="AC159" s="139"/>
      <c r="AD159" s="139"/>
      <c r="AE159" s="139"/>
      <c r="AF159" s="139"/>
      <c r="AG159" s="139"/>
      <c r="AH159" s="139"/>
      <c r="AI159" s="139"/>
      <c r="AJ159" s="139"/>
      <c r="AK159" s="139"/>
      <c r="AL159" s="139"/>
      <c r="AM159" s="140"/>
    </row>
    <row r="160" spans="1:39" ht="9.75" customHeight="1">
      <c r="A160" s="138"/>
      <c r="B160" s="139"/>
      <c r="C160" s="139"/>
      <c r="D160" s="139"/>
      <c r="E160" s="139"/>
      <c r="F160" s="139"/>
      <c r="G160" s="139"/>
      <c r="H160" s="139"/>
      <c r="I160" s="139"/>
      <c r="J160" s="139"/>
      <c r="K160" s="139"/>
      <c r="L160" s="139"/>
      <c r="M160" s="139"/>
      <c r="N160" s="139"/>
      <c r="O160" s="139"/>
      <c r="P160" s="139"/>
      <c r="Q160" s="139"/>
      <c r="R160" s="139"/>
      <c r="S160" s="139"/>
      <c r="T160" s="139"/>
      <c r="U160" s="139"/>
      <c r="V160" s="139"/>
      <c r="W160" s="139"/>
      <c r="X160" s="139"/>
      <c r="Y160" s="139"/>
      <c r="Z160" s="139"/>
      <c r="AA160" s="139"/>
      <c r="AB160" s="139"/>
      <c r="AC160" s="139"/>
      <c r="AD160" s="139"/>
      <c r="AE160" s="139"/>
      <c r="AF160" s="139"/>
      <c r="AG160" s="139"/>
      <c r="AH160" s="139"/>
      <c r="AI160" s="139"/>
      <c r="AJ160" s="139"/>
      <c r="AK160" s="139"/>
      <c r="AL160" s="139"/>
      <c r="AM160" s="140"/>
    </row>
    <row r="161" spans="1:39" ht="9.75" customHeight="1">
      <c r="A161" s="138"/>
      <c r="B161" s="139"/>
      <c r="C161" s="139"/>
      <c r="D161" s="139"/>
      <c r="E161" s="139"/>
      <c r="F161" s="139"/>
      <c r="G161" s="139"/>
      <c r="H161" s="139"/>
      <c r="I161" s="139"/>
      <c r="J161" s="139"/>
      <c r="K161" s="139"/>
      <c r="L161" s="139"/>
      <c r="M161" s="139"/>
      <c r="N161" s="139"/>
      <c r="O161" s="139"/>
      <c r="P161" s="139"/>
      <c r="Q161" s="139"/>
      <c r="R161" s="139"/>
      <c r="S161" s="139"/>
      <c r="T161" s="139"/>
      <c r="U161" s="139"/>
      <c r="V161" s="139"/>
      <c r="W161" s="139"/>
      <c r="X161" s="139"/>
      <c r="Y161" s="139"/>
      <c r="Z161" s="139"/>
      <c r="AA161" s="139"/>
      <c r="AB161" s="139"/>
      <c r="AC161" s="139"/>
      <c r="AD161" s="139"/>
      <c r="AE161" s="139"/>
      <c r="AF161" s="139"/>
      <c r="AG161" s="139"/>
      <c r="AH161" s="139"/>
      <c r="AI161" s="139"/>
      <c r="AJ161" s="139"/>
      <c r="AK161" s="139"/>
      <c r="AL161" s="139"/>
      <c r="AM161" s="140"/>
    </row>
    <row r="162" spans="1:39" ht="9.75" customHeight="1">
      <c r="A162" s="138"/>
      <c r="B162" s="139"/>
      <c r="C162" s="139"/>
      <c r="D162" s="139"/>
      <c r="E162" s="139"/>
      <c r="F162" s="139"/>
      <c r="G162" s="139"/>
      <c r="H162" s="139"/>
      <c r="I162" s="139"/>
      <c r="J162" s="139"/>
      <c r="K162" s="139"/>
      <c r="L162" s="139"/>
      <c r="M162" s="139"/>
      <c r="N162" s="139"/>
      <c r="O162" s="139"/>
      <c r="P162" s="139"/>
      <c r="Q162" s="139"/>
      <c r="R162" s="139"/>
      <c r="S162" s="139"/>
      <c r="T162" s="139"/>
      <c r="U162" s="139"/>
      <c r="V162" s="139"/>
      <c r="W162" s="139"/>
      <c r="X162" s="139"/>
      <c r="Y162" s="139"/>
      <c r="Z162" s="139"/>
      <c r="AA162" s="139"/>
      <c r="AB162" s="139"/>
      <c r="AC162" s="139"/>
      <c r="AD162" s="139"/>
      <c r="AE162" s="139"/>
      <c r="AF162" s="139"/>
      <c r="AG162" s="139"/>
      <c r="AH162" s="139"/>
      <c r="AI162" s="139"/>
      <c r="AJ162" s="139"/>
      <c r="AK162" s="139"/>
      <c r="AL162" s="139"/>
      <c r="AM162" s="140"/>
    </row>
    <row r="163" spans="1:39" ht="9.75" customHeight="1">
      <c r="A163" s="138"/>
      <c r="B163" s="139"/>
      <c r="C163" s="139"/>
      <c r="D163" s="139"/>
      <c r="E163" s="139"/>
      <c r="F163" s="139"/>
      <c r="G163" s="139"/>
      <c r="H163" s="139"/>
      <c r="I163" s="139"/>
      <c r="J163" s="139"/>
      <c r="K163" s="139"/>
      <c r="L163" s="139"/>
      <c r="M163" s="139"/>
      <c r="N163" s="139"/>
      <c r="O163" s="139"/>
      <c r="P163" s="139"/>
      <c r="Q163" s="139"/>
      <c r="R163" s="139"/>
      <c r="S163" s="139"/>
      <c r="T163" s="139"/>
      <c r="U163" s="139"/>
      <c r="V163" s="139"/>
      <c r="W163" s="139"/>
      <c r="X163" s="139"/>
      <c r="Y163" s="139"/>
      <c r="Z163" s="139"/>
      <c r="AA163" s="139"/>
      <c r="AB163" s="139"/>
      <c r="AC163" s="139"/>
      <c r="AD163" s="139"/>
      <c r="AE163" s="139"/>
      <c r="AF163" s="139"/>
      <c r="AG163" s="139"/>
      <c r="AH163" s="139"/>
      <c r="AI163" s="139"/>
      <c r="AJ163" s="139"/>
      <c r="AK163" s="139"/>
      <c r="AL163" s="139"/>
      <c r="AM163" s="140"/>
    </row>
    <row r="164" spans="1:39" ht="9.75" customHeight="1">
      <c r="A164" s="138"/>
      <c r="B164" s="139"/>
      <c r="C164" s="139"/>
      <c r="D164" s="139"/>
      <c r="E164" s="139"/>
      <c r="F164" s="139"/>
      <c r="G164" s="139"/>
      <c r="H164" s="139"/>
      <c r="I164" s="139"/>
      <c r="J164" s="139"/>
      <c r="K164" s="139"/>
      <c r="L164" s="139"/>
      <c r="M164" s="139"/>
      <c r="N164" s="139"/>
      <c r="O164" s="139"/>
      <c r="P164" s="139"/>
      <c r="Q164" s="139"/>
      <c r="R164" s="139"/>
      <c r="S164" s="139"/>
      <c r="T164" s="139"/>
      <c r="U164" s="139"/>
      <c r="V164" s="139"/>
      <c r="W164" s="139"/>
      <c r="X164" s="139"/>
      <c r="Y164" s="139"/>
      <c r="Z164" s="139"/>
      <c r="AA164" s="139"/>
      <c r="AB164" s="139"/>
      <c r="AC164" s="139"/>
      <c r="AD164" s="139"/>
      <c r="AE164" s="139"/>
      <c r="AF164" s="139"/>
      <c r="AG164" s="139"/>
      <c r="AH164" s="139"/>
      <c r="AI164" s="139"/>
      <c r="AJ164" s="139"/>
      <c r="AK164" s="139"/>
      <c r="AL164" s="139"/>
      <c r="AM164" s="140"/>
    </row>
    <row r="165" spans="1:39" ht="9.75" customHeight="1">
      <c r="A165" s="138"/>
      <c r="B165" s="139"/>
      <c r="C165" s="139"/>
      <c r="D165" s="139"/>
      <c r="E165" s="139"/>
      <c r="F165" s="139"/>
      <c r="G165" s="139"/>
      <c r="H165" s="139"/>
      <c r="I165" s="139"/>
      <c r="J165" s="139"/>
      <c r="K165" s="139"/>
      <c r="L165" s="139"/>
      <c r="M165" s="139"/>
      <c r="N165" s="139"/>
      <c r="O165" s="139"/>
      <c r="P165" s="139"/>
      <c r="Q165" s="139"/>
      <c r="R165" s="139"/>
      <c r="S165" s="139"/>
      <c r="T165" s="139"/>
      <c r="U165" s="139"/>
      <c r="V165" s="139"/>
      <c r="W165" s="139"/>
      <c r="X165" s="139"/>
      <c r="Y165" s="139"/>
      <c r="Z165" s="139"/>
      <c r="AA165" s="139"/>
      <c r="AB165" s="139"/>
      <c r="AC165" s="139"/>
      <c r="AD165" s="139"/>
      <c r="AE165" s="139"/>
      <c r="AF165" s="139"/>
      <c r="AG165" s="139"/>
      <c r="AH165" s="139"/>
      <c r="AI165" s="139"/>
      <c r="AJ165" s="139"/>
      <c r="AK165" s="139"/>
      <c r="AL165" s="139"/>
      <c r="AM165" s="140"/>
    </row>
    <row r="166" spans="1:39" ht="9.75" customHeight="1">
      <c r="A166" s="138"/>
      <c r="B166" s="139"/>
      <c r="C166" s="139"/>
      <c r="D166" s="139"/>
      <c r="E166" s="139"/>
      <c r="F166" s="139"/>
      <c r="G166" s="139"/>
      <c r="H166" s="139"/>
      <c r="I166" s="139"/>
      <c r="J166" s="139"/>
      <c r="K166" s="139"/>
      <c r="L166" s="139"/>
      <c r="M166" s="139"/>
      <c r="N166" s="139"/>
      <c r="O166" s="139"/>
      <c r="P166" s="139"/>
      <c r="Q166" s="139"/>
      <c r="R166" s="139"/>
      <c r="S166" s="139"/>
      <c r="T166" s="139"/>
      <c r="U166" s="139"/>
      <c r="V166" s="139"/>
      <c r="W166" s="139"/>
      <c r="X166" s="139"/>
      <c r="Y166" s="139"/>
      <c r="Z166" s="139"/>
      <c r="AA166" s="139"/>
      <c r="AB166" s="139"/>
      <c r="AC166" s="139"/>
      <c r="AD166" s="139"/>
      <c r="AE166" s="139"/>
      <c r="AF166" s="139"/>
      <c r="AG166" s="139"/>
      <c r="AH166" s="139"/>
      <c r="AI166" s="139"/>
      <c r="AJ166" s="139"/>
      <c r="AK166" s="139"/>
      <c r="AL166" s="139"/>
      <c r="AM166" s="140"/>
    </row>
    <row r="167" spans="1:39" ht="9.75" customHeight="1">
      <c r="A167" s="138"/>
      <c r="B167" s="139"/>
      <c r="C167" s="139"/>
      <c r="D167" s="139"/>
      <c r="E167" s="139"/>
      <c r="F167" s="139"/>
      <c r="G167" s="139"/>
      <c r="H167" s="139"/>
      <c r="I167" s="139"/>
      <c r="J167" s="139"/>
      <c r="K167" s="139"/>
      <c r="L167" s="139"/>
      <c r="M167" s="139"/>
      <c r="N167" s="139"/>
      <c r="O167" s="139"/>
      <c r="P167" s="139"/>
      <c r="Q167" s="139"/>
      <c r="R167" s="139"/>
      <c r="S167" s="139"/>
      <c r="T167" s="139"/>
      <c r="U167" s="139"/>
      <c r="V167" s="139"/>
      <c r="W167" s="139"/>
      <c r="X167" s="139"/>
      <c r="Y167" s="139"/>
      <c r="Z167" s="139"/>
      <c r="AA167" s="139"/>
      <c r="AB167" s="139"/>
      <c r="AC167" s="139"/>
      <c r="AD167" s="139"/>
      <c r="AE167" s="139"/>
      <c r="AF167" s="139"/>
      <c r="AG167" s="139"/>
      <c r="AH167" s="139"/>
      <c r="AI167" s="139"/>
      <c r="AJ167" s="139"/>
      <c r="AK167" s="139"/>
      <c r="AL167" s="139"/>
      <c r="AM167" s="140"/>
    </row>
    <row r="168" spans="1:39" ht="9.75" customHeight="1">
      <c r="A168" s="138"/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139"/>
      <c r="M168" s="139"/>
      <c r="N168" s="139"/>
      <c r="O168" s="139"/>
      <c r="P168" s="139"/>
      <c r="Q168" s="139"/>
      <c r="R168" s="139"/>
      <c r="S168" s="139"/>
      <c r="T168" s="139"/>
      <c r="U168" s="139"/>
      <c r="V168" s="139"/>
      <c r="W168" s="139"/>
      <c r="X168" s="139"/>
      <c r="Y168" s="139"/>
      <c r="Z168" s="139"/>
      <c r="AA168" s="139"/>
      <c r="AB168" s="139"/>
      <c r="AC168" s="139"/>
      <c r="AD168" s="139"/>
      <c r="AE168" s="139"/>
      <c r="AF168" s="139"/>
      <c r="AG168" s="139"/>
      <c r="AH168" s="139"/>
      <c r="AI168" s="139"/>
      <c r="AJ168" s="139"/>
      <c r="AK168" s="139"/>
      <c r="AL168" s="139"/>
      <c r="AM168" s="140"/>
    </row>
    <row r="169" spans="1:39" ht="9.75" customHeight="1">
      <c r="A169" s="138"/>
      <c r="B169" s="139"/>
      <c r="C169" s="139"/>
      <c r="D169" s="139"/>
      <c r="E169" s="139"/>
      <c r="F169" s="139"/>
      <c r="G169" s="139"/>
      <c r="H169" s="139"/>
      <c r="I169" s="139"/>
      <c r="J169" s="139"/>
      <c r="K169" s="139"/>
      <c r="L169" s="139"/>
      <c r="M169" s="139"/>
      <c r="N169" s="139"/>
      <c r="O169" s="139"/>
      <c r="P169" s="139"/>
      <c r="Q169" s="139"/>
      <c r="R169" s="139"/>
      <c r="S169" s="139"/>
      <c r="T169" s="139"/>
      <c r="U169" s="139"/>
      <c r="V169" s="139"/>
      <c r="W169" s="139"/>
      <c r="X169" s="139"/>
      <c r="Y169" s="139"/>
      <c r="Z169" s="139"/>
      <c r="AA169" s="139"/>
      <c r="AB169" s="139"/>
      <c r="AC169" s="139"/>
      <c r="AD169" s="139"/>
      <c r="AE169" s="139"/>
      <c r="AF169" s="139"/>
      <c r="AG169" s="139"/>
      <c r="AH169" s="139"/>
      <c r="AI169" s="139"/>
      <c r="AJ169" s="139"/>
      <c r="AK169" s="139"/>
      <c r="AL169" s="139"/>
      <c r="AM169" s="140"/>
    </row>
    <row r="170" spans="1:39" ht="9.75" customHeight="1">
      <c r="A170" s="138"/>
      <c r="B170" s="139"/>
      <c r="C170" s="139"/>
      <c r="D170" s="139"/>
      <c r="E170" s="139"/>
      <c r="F170" s="139"/>
      <c r="G170" s="139"/>
      <c r="H170" s="139"/>
      <c r="I170" s="139"/>
      <c r="J170" s="139"/>
      <c r="K170" s="139"/>
      <c r="L170" s="139"/>
      <c r="M170" s="139"/>
      <c r="N170" s="139"/>
      <c r="O170" s="139"/>
      <c r="P170" s="139"/>
      <c r="Q170" s="139"/>
      <c r="R170" s="139"/>
      <c r="S170" s="139"/>
      <c r="T170" s="139"/>
      <c r="U170" s="139"/>
      <c r="V170" s="139"/>
      <c r="W170" s="139"/>
      <c r="X170" s="139"/>
      <c r="Y170" s="139"/>
      <c r="Z170" s="139"/>
      <c r="AA170" s="139"/>
      <c r="AB170" s="139"/>
      <c r="AC170" s="139"/>
      <c r="AD170" s="139"/>
      <c r="AE170" s="139"/>
      <c r="AF170" s="139"/>
      <c r="AG170" s="139"/>
      <c r="AH170" s="139"/>
      <c r="AI170" s="139"/>
      <c r="AJ170" s="139"/>
      <c r="AK170" s="139"/>
      <c r="AL170" s="139"/>
      <c r="AM170" s="140"/>
    </row>
    <row r="171" spans="1:39" ht="9.75" customHeight="1">
      <c r="A171" s="138"/>
      <c r="B171" s="139"/>
      <c r="C171" s="139"/>
      <c r="D171" s="139"/>
      <c r="E171" s="139"/>
      <c r="F171" s="139"/>
      <c r="G171" s="139"/>
      <c r="H171" s="139"/>
      <c r="I171" s="139"/>
      <c r="J171" s="139"/>
      <c r="K171" s="139"/>
      <c r="L171" s="139"/>
      <c r="M171" s="139"/>
      <c r="N171" s="139"/>
      <c r="O171" s="139"/>
      <c r="P171" s="139"/>
      <c r="Q171" s="139"/>
      <c r="R171" s="139"/>
      <c r="S171" s="139"/>
      <c r="T171" s="139"/>
      <c r="U171" s="139"/>
      <c r="V171" s="139"/>
      <c r="W171" s="139"/>
      <c r="X171" s="139"/>
      <c r="Y171" s="139"/>
      <c r="Z171" s="139"/>
      <c r="AA171" s="139"/>
      <c r="AB171" s="139"/>
      <c r="AC171" s="139"/>
      <c r="AD171" s="139"/>
      <c r="AE171" s="139"/>
      <c r="AF171" s="139"/>
      <c r="AG171" s="139"/>
      <c r="AH171" s="139"/>
      <c r="AI171" s="139"/>
      <c r="AJ171" s="139"/>
      <c r="AK171" s="139"/>
      <c r="AL171" s="139"/>
      <c r="AM171" s="140"/>
    </row>
    <row r="172" spans="1:39" ht="9.75" customHeight="1">
      <c r="A172" s="141"/>
      <c r="B172" s="142"/>
      <c r="C172" s="142"/>
      <c r="D172" s="142"/>
      <c r="E172" s="142"/>
      <c r="F172" s="142"/>
      <c r="G172" s="142"/>
      <c r="H172" s="142"/>
      <c r="I172" s="142"/>
      <c r="J172" s="142"/>
      <c r="K172" s="142"/>
      <c r="L172" s="142"/>
      <c r="M172" s="142"/>
      <c r="N172" s="142"/>
      <c r="O172" s="142"/>
      <c r="P172" s="142"/>
      <c r="Q172" s="142"/>
      <c r="R172" s="142"/>
      <c r="S172" s="142"/>
      <c r="T172" s="142"/>
      <c r="U172" s="142"/>
      <c r="V172" s="142"/>
      <c r="W172" s="142"/>
      <c r="X172" s="142"/>
      <c r="Y172" s="142"/>
      <c r="Z172" s="142"/>
      <c r="AA172" s="142"/>
      <c r="AB172" s="142"/>
      <c r="AC172" s="142"/>
      <c r="AD172" s="142"/>
      <c r="AE172" s="142"/>
      <c r="AF172" s="142"/>
      <c r="AG172" s="142"/>
      <c r="AH172" s="142"/>
      <c r="AI172" s="142"/>
      <c r="AJ172" s="142"/>
      <c r="AK172" s="142"/>
      <c r="AL172" s="142"/>
      <c r="AM172" s="143"/>
    </row>
  </sheetData>
  <mergeCells count="89">
    <mergeCell ref="A103:F103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F99:F101"/>
    <mergeCell ref="E99:E101"/>
    <mergeCell ref="B11:B13"/>
    <mergeCell ref="A11:A13"/>
    <mergeCell ref="D14:D16"/>
    <mergeCell ref="C14:C16"/>
    <mergeCell ref="D23:D25"/>
    <mergeCell ref="A90:L90"/>
    <mergeCell ref="N90:AM90"/>
    <mergeCell ref="A93:B97"/>
    <mergeCell ref="C93:D97"/>
    <mergeCell ref="E93:F97"/>
    <mergeCell ref="G93:Q93"/>
    <mergeCell ref="R93:R97"/>
    <mergeCell ref="S93:T97"/>
    <mergeCell ref="U93:U97"/>
    <mergeCell ref="K6:K9"/>
    <mergeCell ref="L6:L9"/>
    <mergeCell ref="N6:Q6"/>
    <mergeCell ref="N7:O9"/>
    <mergeCell ref="P7:Q9"/>
    <mergeCell ref="C53:C55"/>
    <mergeCell ref="D62:D64"/>
    <mergeCell ref="C62:C6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D74:D76"/>
    <mergeCell ref="C74:C76"/>
    <mergeCell ref="F17:F19"/>
    <mergeCell ref="E17:E19"/>
    <mergeCell ref="F26:F28"/>
    <mergeCell ref="E26:E28"/>
    <mergeCell ref="F41:F43"/>
    <mergeCell ref="E41:E43"/>
    <mergeCell ref="F56:F58"/>
    <mergeCell ref="E56:E58"/>
    <mergeCell ref="F65:F67"/>
    <mergeCell ref="E65:E67"/>
    <mergeCell ref="F68:F70"/>
    <mergeCell ref="E68:E70"/>
    <mergeCell ref="C23:C25"/>
    <mergeCell ref="D53:D55"/>
    <mergeCell ref="F77:F79"/>
    <mergeCell ref="E77:E79"/>
    <mergeCell ref="F80:F82"/>
    <mergeCell ref="E80:E82"/>
    <mergeCell ref="F83:F85"/>
    <mergeCell ref="E83:E85"/>
    <mergeCell ref="O20:O22"/>
    <mergeCell ref="N20:N22"/>
    <mergeCell ref="O29:O31"/>
    <mergeCell ref="N29:N31"/>
    <mergeCell ref="O32:O34"/>
    <mergeCell ref="N32:N34"/>
    <mergeCell ref="O35:O37"/>
    <mergeCell ref="N35:N37"/>
    <mergeCell ref="O38:O40"/>
    <mergeCell ref="N38:N40"/>
    <mergeCell ref="O44:O46"/>
    <mergeCell ref="N44:N46"/>
    <mergeCell ref="O71:O73"/>
    <mergeCell ref="N71:N73"/>
    <mergeCell ref="O47:O49"/>
    <mergeCell ref="N47:N49"/>
    <mergeCell ref="O50:O52"/>
    <mergeCell ref="N50:N52"/>
    <mergeCell ref="O59:O61"/>
    <mergeCell ref="N59:N61"/>
  </mergeCells>
  <phoneticPr fontId="1"/>
  <pageMargins left="0.43307086614173229" right="0.39370078740157483" top="0.19685039370078741" bottom="0" header="0.19685039370078741" footer="0.19685039370078741"/>
  <pageSetup paperSize="9" firstPageNumber="274" pageOrder="overThenDown" orientation="portrait" useFirstPageNumber="1" r:id="rId1"/>
  <headerFooter>
    <oddFooter>&amp;C- &amp;P -</oddFooter>
  </headerFooter>
  <rowBreaks count="1" manualBreakCount="1">
    <brk id="88" max="16383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122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121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334</v>
      </c>
      <c r="I11" s="52" t="s">
        <v>23</v>
      </c>
      <c r="J11" s="53" t="s">
        <v>335</v>
      </c>
      <c r="K11" s="183" t="s">
        <v>22</v>
      </c>
      <c r="L11" s="52"/>
      <c r="M11" s="205" t="s">
        <v>22</v>
      </c>
      <c r="N11" s="54" t="s">
        <v>336</v>
      </c>
      <c r="O11" s="55"/>
      <c r="P11" s="228"/>
      <c r="Q11" s="294"/>
      <c r="R11" s="52"/>
      <c r="S11" s="55"/>
      <c r="T11" s="204" t="s">
        <v>1082</v>
      </c>
      <c r="U11" s="55"/>
      <c r="V11" s="53" t="s">
        <v>22</v>
      </c>
      <c r="W11" s="54" t="s">
        <v>22</v>
      </c>
      <c r="X11" s="54" t="s">
        <v>22</v>
      </c>
      <c r="Y11" s="54" t="s">
        <v>1081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30" t="s">
        <v>1121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120</v>
      </c>
      <c r="I14" s="169" t="s">
        <v>23</v>
      </c>
      <c r="J14" s="44" t="s">
        <v>1119</v>
      </c>
      <c r="K14" s="192" t="s">
        <v>22</v>
      </c>
      <c r="L14" s="169"/>
      <c r="M14" s="191" t="s">
        <v>22</v>
      </c>
      <c r="N14" s="45" t="s">
        <v>1118</v>
      </c>
      <c r="O14" s="168"/>
      <c r="P14" s="168"/>
      <c r="Q14" s="170"/>
      <c r="R14" s="169"/>
      <c r="S14" s="168"/>
      <c r="T14" s="190" t="s">
        <v>1117</v>
      </c>
      <c r="U14" s="168"/>
      <c r="V14" s="44" t="s">
        <v>22</v>
      </c>
      <c r="W14" s="45" t="s">
        <v>22</v>
      </c>
      <c r="X14" s="45" t="s">
        <v>22</v>
      </c>
      <c r="Y14" s="45" t="s">
        <v>1116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1115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1114</v>
      </c>
      <c r="I17" s="169" t="s">
        <v>23</v>
      </c>
      <c r="J17" s="44" t="s">
        <v>1113</v>
      </c>
      <c r="K17" s="192" t="s">
        <v>22</v>
      </c>
      <c r="L17" s="169"/>
      <c r="M17" s="191" t="s">
        <v>22</v>
      </c>
      <c r="N17" s="45" t="s">
        <v>1112</v>
      </c>
      <c r="O17" s="168"/>
      <c r="P17" s="168"/>
      <c r="Q17" s="170"/>
      <c r="R17" s="169"/>
      <c r="S17" s="168"/>
      <c r="T17" s="190" t="s">
        <v>1111</v>
      </c>
      <c r="U17" s="168"/>
      <c r="V17" s="44" t="s">
        <v>22</v>
      </c>
      <c r="W17" s="45" t="s">
        <v>22</v>
      </c>
      <c r="X17" s="45" t="s">
        <v>22</v>
      </c>
      <c r="Y17" s="45" t="s">
        <v>1107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79</v>
      </c>
      <c r="Q19" s="221" t="s">
        <v>699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110</v>
      </c>
      <c r="T20" s="190" t="s">
        <v>1110</v>
      </c>
      <c r="U20" s="168"/>
      <c r="V20" s="44" t="s">
        <v>22</v>
      </c>
      <c r="W20" s="45" t="s">
        <v>22</v>
      </c>
      <c r="X20" s="45" t="s">
        <v>22</v>
      </c>
      <c r="Y20" s="45" t="s">
        <v>2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94"/>
      <c r="E22" s="169"/>
      <c r="F22" s="41"/>
      <c r="G22" s="169"/>
      <c r="H22" s="44"/>
      <c r="I22" s="169"/>
      <c r="J22" s="44"/>
      <c r="K22" s="192"/>
      <c r="L22" s="169"/>
      <c r="M22" s="191"/>
      <c r="N22" s="45"/>
      <c r="O22" s="168"/>
      <c r="P22" s="227" t="s">
        <v>680</v>
      </c>
      <c r="Q22" s="230" t="s">
        <v>679</v>
      </c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4"/>
      <c r="E23" s="169"/>
      <c r="F23" s="41"/>
      <c r="G23" s="169"/>
      <c r="H23" s="44"/>
      <c r="I23" s="169"/>
      <c r="J23" s="44"/>
      <c r="K23" s="192"/>
      <c r="L23" s="169"/>
      <c r="M23" s="191"/>
      <c r="N23" s="45"/>
      <c r="O23" s="168"/>
      <c r="P23" s="228"/>
      <c r="Q23" s="222"/>
      <c r="R23" s="169"/>
      <c r="S23" s="168" t="s">
        <v>1109</v>
      </c>
      <c r="T23" s="190" t="s">
        <v>1108</v>
      </c>
      <c r="U23" s="168"/>
      <c r="V23" s="44" t="s">
        <v>22</v>
      </c>
      <c r="W23" s="45" t="s">
        <v>22</v>
      </c>
      <c r="X23" s="45" t="s">
        <v>22</v>
      </c>
      <c r="Y23" s="45" t="s">
        <v>1107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4"/>
      <c r="E24" s="169"/>
      <c r="F24" s="41"/>
      <c r="G24" s="169"/>
      <c r="H24" s="44"/>
      <c r="I24" s="169"/>
      <c r="J24" s="44"/>
      <c r="K24" s="192"/>
      <c r="L24" s="169"/>
      <c r="M24" s="191"/>
      <c r="N24" s="45"/>
      <c r="O24" s="168"/>
      <c r="P24" s="229"/>
      <c r="Q24" s="223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3"/>
      <c r="C25" s="169"/>
      <c r="D25" s="170"/>
      <c r="E25" s="218" t="s">
        <v>25</v>
      </c>
      <c r="F25" s="221" t="s">
        <v>1106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3"/>
      <c r="C26" s="169"/>
      <c r="D26" s="193"/>
      <c r="E26" s="219"/>
      <c r="F26" s="222"/>
      <c r="G26" s="169"/>
      <c r="H26" s="44" t="s">
        <v>1105</v>
      </c>
      <c r="I26" s="169" t="s">
        <v>23</v>
      </c>
      <c r="J26" s="44" t="s">
        <v>1104</v>
      </c>
      <c r="K26" s="192" t="s">
        <v>22</v>
      </c>
      <c r="L26" s="169"/>
      <c r="M26" s="191" t="s">
        <v>22</v>
      </c>
      <c r="N26" s="45" t="s">
        <v>1103</v>
      </c>
      <c r="O26" s="168"/>
      <c r="P26" s="168"/>
      <c r="Q26" s="41"/>
      <c r="R26" s="169"/>
      <c r="S26" s="168"/>
      <c r="T26" s="190" t="s">
        <v>1102</v>
      </c>
      <c r="U26" s="168"/>
      <c r="V26" s="44" t="s">
        <v>22</v>
      </c>
      <c r="W26" s="45" t="s">
        <v>22</v>
      </c>
      <c r="X26" s="45" t="s">
        <v>22</v>
      </c>
      <c r="Y26" s="45" t="s">
        <v>1101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3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41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3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6</v>
      </c>
      <c r="Q28" s="221" t="s">
        <v>833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3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100</v>
      </c>
      <c r="T29" s="190" t="s">
        <v>96</v>
      </c>
      <c r="U29" s="168"/>
      <c r="V29" s="44" t="s">
        <v>22</v>
      </c>
      <c r="W29" s="45" t="s">
        <v>22</v>
      </c>
      <c r="X29" s="45" t="s">
        <v>22</v>
      </c>
      <c r="Y29" s="45" t="s">
        <v>1099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3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170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7</v>
      </c>
      <c r="Q31" s="221" t="s">
        <v>786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170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1098</v>
      </c>
      <c r="T32" s="190" t="s">
        <v>1097</v>
      </c>
      <c r="U32" s="168"/>
      <c r="V32" s="44" t="s">
        <v>22</v>
      </c>
      <c r="W32" s="45" t="s">
        <v>22</v>
      </c>
      <c r="X32" s="45" t="s">
        <v>22</v>
      </c>
      <c r="Y32" s="45" t="s">
        <v>1096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170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9</v>
      </c>
      <c r="Q34" s="221" t="s">
        <v>704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65</v>
      </c>
      <c r="T35" s="190" t="s">
        <v>22</v>
      </c>
      <c r="U35" s="168"/>
      <c r="V35" s="44" t="s">
        <v>22</v>
      </c>
      <c r="W35" s="45" t="s">
        <v>22</v>
      </c>
      <c r="X35" s="45" t="s">
        <v>22</v>
      </c>
      <c r="Y35" s="45" t="s">
        <v>65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79</v>
      </c>
      <c r="Q37" s="221" t="s">
        <v>699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1095</v>
      </c>
      <c r="T38" s="190" t="s">
        <v>1094</v>
      </c>
      <c r="U38" s="168"/>
      <c r="V38" s="44" t="s">
        <v>22</v>
      </c>
      <c r="W38" s="45" t="s">
        <v>22</v>
      </c>
      <c r="X38" s="45" t="s">
        <v>22</v>
      </c>
      <c r="Y38" s="45" t="s">
        <v>1093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100</v>
      </c>
      <c r="Q40" s="230" t="s">
        <v>695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60</v>
      </c>
      <c r="T41" s="190" t="s">
        <v>1092</v>
      </c>
      <c r="U41" s="168"/>
      <c r="V41" s="44" t="s">
        <v>22</v>
      </c>
      <c r="W41" s="45" t="s">
        <v>22</v>
      </c>
      <c r="X41" s="45" t="s">
        <v>22</v>
      </c>
      <c r="Y41" s="45" t="s">
        <v>1091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72"/>
      <c r="D42" s="203"/>
      <c r="E42" s="172"/>
      <c r="F42" s="90"/>
      <c r="G42" s="172"/>
      <c r="H42" s="92"/>
      <c r="I42" s="172"/>
      <c r="J42" s="92"/>
      <c r="K42" s="202"/>
      <c r="L42" s="172"/>
      <c r="M42" s="201"/>
      <c r="N42" s="48"/>
      <c r="O42" s="174"/>
      <c r="P42" s="229"/>
      <c r="Q42" s="223"/>
      <c r="R42" s="172"/>
      <c r="S42" s="174"/>
      <c r="T42" s="200"/>
      <c r="U42" s="174"/>
      <c r="V42" s="92"/>
      <c r="W42" s="48"/>
      <c r="X42" s="48"/>
      <c r="Y42" s="48"/>
      <c r="Z42" s="199"/>
      <c r="AA42" s="95"/>
      <c r="AB42" s="95"/>
      <c r="AC42" s="95"/>
      <c r="AD42" s="96"/>
      <c r="AE42" s="97"/>
      <c r="AF42" s="97"/>
      <c r="AG42" s="97"/>
      <c r="AH42" s="95"/>
      <c r="AI42" s="95"/>
      <c r="AJ42" s="95"/>
      <c r="AK42" s="95"/>
      <c r="AL42" s="96"/>
      <c r="AM42" s="97"/>
      <c r="AN42" s="97"/>
      <c r="AO42" s="98"/>
    </row>
    <row r="43" spans="1:41" s="59" customFormat="1" ht="9.75" customHeight="1">
      <c r="A43" s="40"/>
      <c r="B43" s="170"/>
      <c r="C43" s="218" t="s">
        <v>25</v>
      </c>
      <c r="D43" s="221" t="s">
        <v>687</v>
      </c>
      <c r="E43" s="162"/>
      <c r="F43" s="163"/>
      <c r="G43" s="162"/>
      <c r="H43" s="69"/>
      <c r="I43" s="162"/>
      <c r="J43" s="69"/>
      <c r="K43" s="198"/>
      <c r="L43" s="162"/>
      <c r="M43" s="197"/>
      <c r="N43" s="70"/>
      <c r="O43" s="167"/>
      <c r="P43" s="167"/>
      <c r="Q43" s="68"/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3"/>
      <c r="C44" s="219"/>
      <c r="D44" s="222"/>
      <c r="E44" s="169"/>
      <c r="F44" s="170"/>
      <c r="G44" s="169"/>
      <c r="H44" s="44" t="s">
        <v>67</v>
      </c>
      <c r="I44" s="169" t="s">
        <v>23</v>
      </c>
      <c r="J44" s="44" t="s">
        <v>67</v>
      </c>
      <c r="K44" s="192" t="s">
        <v>22</v>
      </c>
      <c r="L44" s="169"/>
      <c r="M44" s="191" t="s">
        <v>22</v>
      </c>
      <c r="N44" s="45" t="s">
        <v>22</v>
      </c>
      <c r="O44" s="168"/>
      <c r="P44" s="168"/>
      <c r="Q44" s="41"/>
      <c r="R44" s="169"/>
      <c r="S44" s="168"/>
      <c r="T44" s="190" t="s">
        <v>22</v>
      </c>
      <c r="U44" s="168"/>
      <c r="V44" s="44" t="s">
        <v>22</v>
      </c>
      <c r="W44" s="45" t="s">
        <v>22</v>
      </c>
      <c r="X44" s="45" t="s">
        <v>22</v>
      </c>
      <c r="Y44" s="45" t="s">
        <v>22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3"/>
      <c r="C45" s="219"/>
      <c r="D45" s="222"/>
      <c r="E45" s="169"/>
      <c r="F45" s="170"/>
      <c r="G45" s="169"/>
      <c r="H45" s="44"/>
      <c r="I45" s="169"/>
      <c r="J45" s="44"/>
      <c r="K45" s="192"/>
      <c r="L45" s="169"/>
      <c r="M45" s="191"/>
      <c r="N45" s="45"/>
      <c r="O45" s="168"/>
      <c r="P45" s="168"/>
      <c r="Q45" s="41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70"/>
      <c r="E46" s="218" t="s">
        <v>21</v>
      </c>
      <c r="F46" s="230" t="s">
        <v>1090</v>
      </c>
      <c r="G46" s="162"/>
      <c r="H46" s="69"/>
      <c r="I46" s="162"/>
      <c r="J46" s="69"/>
      <c r="K46" s="198"/>
      <c r="L46" s="162"/>
      <c r="M46" s="197"/>
      <c r="N46" s="70"/>
      <c r="O46" s="167"/>
      <c r="P46" s="167"/>
      <c r="Q46" s="68"/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3"/>
      <c r="E47" s="219"/>
      <c r="F47" s="222"/>
      <c r="G47" s="169"/>
      <c r="H47" s="44" t="s">
        <v>67</v>
      </c>
      <c r="I47" s="169" t="s">
        <v>23</v>
      </c>
      <c r="J47" s="44" t="s">
        <v>67</v>
      </c>
      <c r="K47" s="192" t="s">
        <v>22</v>
      </c>
      <c r="L47" s="169"/>
      <c r="M47" s="191" t="s">
        <v>22</v>
      </c>
      <c r="N47" s="45" t="s">
        <v>22</v>
      </c>
      <c r="O47" s="168"/>
      <c r="P47" s="168"/>
      <c r="Q47" s="170"/>
      <c r="R47" s="169"/>
      <c r="S47" s="168"/>
      <c r="T47" s="190" t="s">
        <v>22</v>
      </c>
      <c r="U47" s="168"/>
      <c r="V47" s="44" t="s">
        <v>22</v>
      </c>
      <c r="W47" s="45" t="s">
        <v>22</v>
      </c>
      <c r="X47" s="45" t="s">
        <v>22</v>
      </c>
      <c r="Y47" s="45" t="s">
        <v>22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72"/>
      <c r="D48" s="213"/>
      <c r="E48" s="220"/>
      <c r="F48" s="223"/>
      <c r="G48" s="172"/>
      <c r="H48" s="92"/>
      <c r="I48" s="172"/>
      <c r="J48" s="92"/>
      <c r="K48" s="202"/>
      <c r="L48" s="172"/>
      <c r="M48" s="201"/>
      <c r="N48" s="48"/>
      <c r="O48" s="174"/>
      <c r="P48" s="174"/>
      <c r="Q48" s="173"/>
      <c r="R48" s="172"/>
      <c r="S48" s="174"/>
      <c r="T48" s="200"/>
      <c r="U48" s="174"/>
      <c r="V48" s="92"/>
      <c r="W48" s="48"/>
      <c r="X48" s="48"/>
      <c r="Y48" s="48"/>
      <c r="Z48" s="199"/>
      <c r="AA48" s="95"/>
      <c r="AB48" s="95"/>
      <c r="AC48" s="95"/>
      <c r="AD48" s="96"/>
      <c r="AE48" s="97"/>
      <c r="AF48" s="97"/>
      <c r="AG48" s="97"/>
      <c r="AH48" s="95"/>
      <c r="AI48" s="95"/>
      <c r="AJ48" s="95"/>
      <c r="AK48" s="95"/>
      <c r="AL48" s="96"/>
      <c r="AM48" s="97"/>
      <c r="AN48" s="97"/>
      <c r="AO48" s="98"/>
    </row>
    <row r="49" spans="1:41" s="59" customFormat="1" ht="9.75" customHeight="1">
      <c r="A49" s="40"/>
      <c r="B49" s="170"/>
      <c r="C49" s="218" t="s">
        <v>26</v>
      </c>
      <c r="D49" s="221" t="s">
        <v>725</v>
      </c>
      <c r="E49" s="162"/>
      <c r="F49" s="163"/>
      <c r="G49" s="162"/>
      <c r="H49" s="69"/>
      <c r="I49" s="162"/>
      <c r="J49" s="69"/>
      <c r="K49" s="198"/>
      <c r="L49" s="162"/>
      <c r="M49" s="197"/>
      <c r="N49" s="70"/>
      <c r="O49" s="167"/>
      <c r="P49" s="167"/>
      <c r="Q49" s="68"/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3"/>
      <c r="C50" s="219"/>
      <c r="D50" s="222"/>
      <c r="E50" s="169"/>
      <c r="F50" s="170"/>
      <c r="G50" s="169"/>
      <c r="H50" s="44" t="s">
        <v>1088</v>
      </c>
      <c r="I50" s="169" t="s">
        <v>23</v>
      </c>
      <c r="J50" s="44" t="s">
        <v>1087</v>
      </c>
      <c r="K50" s="192" t="s">
        <v>22</v>
      </c>
      <c r="L50" s="169"/>
      <c r="M50" s="191" t="s">
        <v>22</v>
      </c>
      <c r="N50" s="45" t="s">
        <v>1086</v>
      </c>
      <c r="O50" s="168"/>
      <c r="P50" s="168"/>
      <c r="Q50" s="41"/>
      <c r="R50" s="169"/>
      <c r="S50" s="168"/>
      <c r="T50" s="190" t="s">
        <v>1085</v>
      </c>
      <c r="U50" s="168"/>
      <c r="V50" s="44" t="s">
        <v>22</v>
      </c>
      <c r="W50" s="45" t="s">
        <v>22</v>
      </c>
      <c r="X50" s="45" t="s">
        <v>22</v>
      </c>
      <c r="Y50" s="45" t="s">
        <v>1084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3"/>
      <c r="C51" s="219"/>
      <c r="D51" s="222"/>
      <c r="E51" s="169"/>
      <c r="F51" s="170"/>
      <c r="G51" s="169"/>
      <c r="H51" s="44"/>
      <c r="I51" s="169"/>
      <c r="J51" s="44"/>
      <c r="K51" s="192"/>
      <c r="L51" s="169"/>
      <c r="M51" s="191"/>
      <c r="N51" s="45"/>
      <c r="O51" s="168"/>
      <c r="P51" s="168"/>
      <c r="Q51" s="41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70"/>
      <c r="E52" s="218" t="s">
        <v>21</v>
      </c>
      <c r="F52" s="230" t="s">
        <v>1089</v>
      </c>
      <c r="G52" s="162"/>
      <c r="H52" s="69"/>
      <c r="I52" s="162"/>
      <c r="J52" s="69"/>
      <c r="K52" s="198"/>
      <c r="L52" s="162"/>
      <c r="M52" s="197"/>
      <c r="N52" s="70"/>
      <c r="O52" s="167"/>
      <c r="P52" s="167"/>
      <c r="Q52" s="68"/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3"/>
      <c r="E53" s="219"/>
      <c r="F53" s="222"/>
      <c r="G53" s="169"/>
      <c r="H53" s="44" t="s">
        <v>1088</v>
      </c>
      <c r="I53" s="169" t="s">
        <v>23</v>
      </c>
      <c r="J53" s="44" t="s">
        <v>1087</v>
      </c>
      <c r="K53" s="192" t="s">
        <v>22</v>
      </c>
      <c r="L53" s="169"/>
      <c r="M53" s="191" t="s">
        <v>22</v>
      </c>
      <c r="N53" s="45" t="s">
        <v>1086</v>
      </c>
      <c r="O53" s="168"/>
      <c r="P53" s="168"/>
      <c r="Q53" s="170"/>
      <c r="R53" s="169"/>
      <c r="S53" s="168"/>
      <c r="T53" s="190" t="s">
        <v>1085</v>
      </c>
      <c r="U53" s="168"/>
      <c r="V53" s="44" t="s">
        <v>22</v>
      </c>
      <c r="W53" s="45" t="s">
        <v>22</v>
      </c>
      <c r="X53" s="45" t="s">
        <v>22</v>
      </c>
      <c r="Y53" s="45" t="s">
        <v>1084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69"/>
      <c r="D54" s="193"/>
      <c r="E54" s="219"/>
      <c r="F54" s="222"/>
      <c r="G54" s="169"/>
      <c r="H54" s="44"/>
      <c r="I54" s="169"/>
      <c r="J54" s="44"/>
      <c r="K54" s="192"/>
      <c r="L54" s="169"/>
      <c r="M54" s="191"/>
      <c r="N54" s="45"/>
      <c r="O54" s="168"/>
      <c r="P54" s="168"/>
      <c r="Q54" s="170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94"/>
      <c r="E55" s="169"/>
      <c r="F55" s="170"/>
      <c r="G55" s="169"/>
      <c r="H55" s="44"/>
      <c r="I55" s="169"/>
      <c r="J55" s="44"/>
      <c r="K55" s="192"/>
      <c r="L55" s="169"/>
      <c r="M55" s="191"/>
      <c r="N55" s="45"/>
      <c r="O55" s="168"/>
      <c r="P55" s="227" t="s">
        <v>726</v>
      </c>
      <c r="Q55" s="221" t="s">
        <v>725</v>
      </c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4"/>
      <c r="E56" s="169"/>
      <c r="F56" s="170"/>
      <c r="G56" s="169"/>
      <c r="H56" s="44"/>
      <c r="I56" s="169"/>
      <c r="J56" s="44"/>
      <c r="K56" s="192"/>
      <c r="L56" s="169"/>
      <c r="M56" s="191"/>
      <c r="N56" s="45"/>
      <c r="O56" s="168"/>
      <c r="P56" s="228"/>
      <c r="Q56" s="222"/>
      <c r="R56" s="169"/>
      <c r="S56" s="168" t="s">
        <v>1086</v>
      </c>
      <c r="T56" s="190" t="s">
        <v>1085</v>
      </c>
      <c r="U56" s="168"/>
      <c r="V56" s="44" t="s">
        <v>22</v>
      </c>
      <c r="W56" s="45" t="s">
        <v>22</v>
      </c>
      <c r="X56" s="45" t="s">
        <v>22</v>
      </c>
      <c r="Y56" s="45" t="s">
        <v>1084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72"/>
      <c r="D57" s="203"/>
      <c r="E57" s="172"/>
      <c r="F57" s="173"/>
      <c r="G57" s="172"/>
      <c r="H57" s="92"/>
      <c r="I57" s="172"/>
      <c r="J57" s="92"/>
      <c r="K57" s="202"/>
      <c r="L57" s="172"/>
      <c r="M57" s="201"/>
      <c r="N57" s="48"/>
      <c r="O57" s="174"/>
      <c r="P57" s="229"/>
      <c r="Q57" s="223"/>
      <c r="R57" s="172"/>
      <c r="S57" s="174"/>
      <c r="T57" s="200"/>
      <c r="U57" s="174"/>
      <c r="V57" s="92"/>
      <c r="W57" s="48"/>
      <c r="X57" s="48"/>
      <c r="Y57" s="48"/>
      <c r="Z57" s="199"/>
      <c r="AA57" s="95"/>
      <c r="AB57" s="95"/>
      <c r="AC57" s="95"/>
      <c r="AD57" s="96"/>
      <c r="AE57" s="97"/>
      <c r="AF57" s="97"/>
      <c r="AG57" s="97"/>
      <c r="AH57" s="95"/>
      <c r="AI57" s="95"/>
      <c r="AJ57" s="95"/>
      <c r="AK57" s="95"/>
      <c r="AL57" s="96"/>
      <c r="AM57" s="97"/>
      <c r="AN57" s="97"/>
      <c r="AO57" s="98"/>
    </row>
    <row r="58" spans="1:41" s="59" customFormat="1" ht="9.75" customHeight="1">
      <c r="A58" s="40"/>
      <c r="B58" s="170"/>
      <c r="C58" s="218" t="s">
        <v>31</v>
      </c>
      <c r="D58" s="221" t="s">
        <v>757</v>
      </c>
      <c r="E58" s="162"/>
      <c r="F58" s="163"/>
      <c r="G58" s="162"/>
      <c r="H58" s="69"/>
      <c r="I58" s="162"/>
      <c r="J58" s="69"/>
      <c r="K58" s="198"/>
      <c r="L58" s="162"/>
      <c r="M58" s="197"/>
      <c r="N58" s="70"/>
      <c r="O58" s="167"/>
      <c r="P58" s="167"/>
      <c r="Q58" s="68"/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3"/>
      <c r="C59" s="219"/>
      <c r="D59" s="222"/>
      <c r="E59" s="169"/>
      <c r="F59" s="170"/>
      <c r="G59" s="169"/>
      <c r="H59" s="44" t="s">
        <v>1083</v>
      </c>
      <c r="I59" s="169"/>
      <c r="J59" s="44" t="s">
        <v>22</v>
      </c>
      <c r="K59" s="192" t="s">
        <v>22</v>
      </c>
      <c r="L59" s="169"/>
      <c r="M59" s="191" t="s">
        <v>22</v>
      </c>
      <c r="N59" s="45" t="s">
        <v>1083</v>
      </c>
      <c r="O59" s="168"/>
      <c r="P59" s="168"/>
      <c r="Q59" s="41"/>
      <c r="R59" s="169"/>
      <c r="S59" s="168"/>
      <c r="T59" s="190" t="s">
        <v>22</v>
      </c>
      <c r="U59" s="168"/>
      <c r="V59" s="44" t="s">
        <v>22</v>
      </c>
      <c r="W59" s="45" t="s">
        <v>22</v>
      </c>
      <c r="X59" s="45" t="s">
        <v>22</v>
      </c>
      <c r="Y59" s="45" t="s">
        <v>1083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3"/>
      <c r="C60" s="219"/>
      <c r="D60" s="222"/>
      <c r="E60" s="169"/>
      <c r="F60" s="170"/>
      <c r="G60" s="169"/>
      <c r="H60" s="44"/>
      <c r="I60" s="169"/>
      <c r="J60" s="44"/>
      <c r="K60" s="192"/>
      <c r="L60" s="169"/>
      <c r="M60" s="191"/>
      <c r="N60" s="45"/>
      <c r="O60" s="168"/>
      <c r="P60" s="168"/>
      <c r="Q60" s="41"/>
      <c r="R60" s="169"/>
      <c r="S60" s="168"/>
      <c r="T60" s="190"/>
      <c r="U60" s="168"/>
      <c r="V60" s="44"/>
      <c r="W60" s="45"/>
      <c r="X60" s="45"/>
      <c r="Y60" s="45"/>
      <c r="Z60" s="189"/>
      <c r="AA60" s="33"/>
      <c r="AB60" s="33"/>
      <c r="AC60" s="33"/>
      <c r="AD60" s="34"/>
      <c r="AE60" s="35"/>
      <c r="AF60" s="35"/>
      <c r="AG60" s="35"/>
      <c r="AH60" s="33"/>
      <c r="AI60" s="33"/>
      <c r="AJ60" s="33"/>
      <c r="AK60" s="33"/>
      <c r="AL60" s="34"/>
      <c r="AM60" s="35"/>
      <c r="AN60" s="35"/>
      <c r="AO60" s="36"/>
    </row>
    <row r="61" spans="1:41" s="59" customFormat="1" ht="9.75" customHeight="1">
      <c r="A61" s="40"/>
      <c r="B61" s="194"/>
      <c r="C61" s="169"/>
      <c r="D61" s="170"/>
      <c r="E61" s="218" t="s">
        <v>21</v>
      </c>
      <c r="F61" s="221" t="s">
        <v>757</v>
      </c>
      <c r="G61" s="162"/>
      <c r="H61" s="69"/>
      <c r="I61" s="162"/>
      <c r="J61" s="69"/>
      <c r="K61" s="198"/>
      <c r="L61" s="162"/>
      <c r="M61" s="197"/>
      <c r="N61" s="70"/>
      <c r="O61" s="167"/>
      <c r="P61" s="167"/>
      <c r="Q61" s="68"/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4"/>
      <c r="C62" s="169"/>
      <c r="D62" s="193"/>
      <c r="E62" s="219"/>
      <c r="F62" s="222"/>
      <c r="G62" s="169"/>
      <c r="H62" s="44" t="s">
        <v>1083</v>
      </c>
      <c r="I62" s="169"/>
      <c r="J62" s="44" t="s">
        <v>22</v>
      </c>
      <c r="K62" s="192" t="s">
        <v>22</v>
      </c>
      <c r="L62" s="169"/>
      <c r="M62" s="191" t="s">
        <v>22</v>
      </c>
      <c r="N62" s="45" t="s">
        <v>1083</v>
      </c>
      <c r="O62" s="168"/>
      <c r="P62" s="168"/>
      <c r="Q62" s="170"/>
      <c r="R62" s="169"/>
      <c r="S62" s="168"/>
      <c r="T62" s="190" t="s">
        <v>22</v>
      </c>
      <c r="U62" s="168"/>
      <c r="V62" s="44" t="s">
        <v>22</v>
      </c>
      <c r="W62" s="45" t="s">
        <v>22</v>
      </c>
      <c r="X62" s="45" t="s">
        <v>22</v>
      </c>
      <c r="Y62" s="45" t="s">
        <v>1083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4"/>
      <c r="C63" s="169"/>
      <c r="D63" s="193"/>
      <c r="E63" s="220"/>
      <c r="F63" s="223"/>
      <c r="G63" s="169"/>
      <c r="H63" s="44"/>
      <c r="I63" s="169"/>
      <c r="J63" s="44"/>
      <c r="K63" s="192"/>
      <c r="L63" s="169"/>
      <c r="M63" s="191"/>
      <c r="N63" s="45"/>
      <c r="O63" s="168"/>
      <c r="P63" s="168"/>
      <c r="Q63" s="170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76"/>
      <c r="B64" s="188"/>
      <c r="C64" s="167"/>
      <c r="D64" s="188"/>
      <c r="E64" s="167"/>
      <c r="F64" s="68"/>
      <c r="G64" s="103"/>
      <c r="H64" s="104"/>
      <c r="I64" s="103"/>
      <c r="J64" s="104"/>
      <c r="K64" s="187"/>
      <c r="L64" s="103"/>
      <c r="M64" s="186"/>
      <c r="N64" s="105"/>
      <c r="O64" s="106"/>
      <c r="P64" s="106"/>
      <c r="Q64" s="65"/>
      <c r="R64" s="103"/>
      <c r="S64" s="106"/>
      <c r="T64" s="185"/>
      <c r="U64" s="106"/>
      <c r="V64" s="104"/>
      <c r="W64" s="105"/>
      <c r="X64" s="105"/>
      <c r="Y64" s="105"/>
      <c r="Z64" s="184" t="s">
        <v>1</v>
      </c>
      <c r="AA64" s="109"/>
      <c r="AB64" s="109"/>
      <c r="AC64" s="109"/>
      <c r="AD64" s="110"/>
      <c r="AE64" s="111"/>
      <c r="AF64" s="111"/>
      <c r="AG64" s="111"/>
      <c r="AH64" s="109"/>
      <c r="AI64" s="109"/>
      <c r="AJ64" s="109"/>
      <c r="AK64" s="109"/>
      <c r="AL64" s="110"/>
      <c r="AM64" s="111"/>
      <c r="AN64" s="111"/>
      <c r="AO64" s="112"/>
    </row>
    <row r="65" spans="1:41" s="59" customFormat="1" ht="9.75" customHeight="1">
      <c r="A65" s="248" t="s">
        <v>660</v>
      </c>
      <c r="B65" s="249"/>
      <c r="C65" s="250"/>
      <c r="D65" s="250"/>
      <c r="E65" s="250"/>
      <c r="F65" s="236"/>
      <c r="G65" s="273" t="s">
        <v>334</v>
      </c>
      <c r="H65" s="274"/>
      <c r="I65" s="52" t="s">
        <v>23</v>
      </c>
      <c r="J65" s="53" t="s">
        <v>335</v>
      </c>
      <c r="K65" s="54" t="s">
        <v>22</v>
      </c>
      <c r="L65" s="52"/>
      <c r="M65" s="53" t="s">
        <v>22</v>
      </c>
      <c r="N65" s="183" t="s">
        <v>336</v>
      </c>
      <c r="O65" s="182"/>
      <c r="P65" s="55"/>
      <c r="Q65" s="56"/>
      <c r="R65" s="52"/>
      <c r="S65" s="55"/>
      <c r="T65" s="181" t="s">
        <v>1082</v>
      </c>
      <c r="U65" s="55"/>
      <c r="V65" s="53" t="s">
        <v>22</v>
      </c>
      <c r="W65" s="54" t="s">
        <v>22</v>
      </c>
      <c r="X65" s="53" t="s">
        <v>22</v>
      </c>
      <c r="Y65" s="54" t="s">
        <v>1081</v>
      </c>
      <c r="Z65" s="180"/>
      <c r="AA65" s="61"/>
      <c r="AB65" s="61"/>
      <c r="AC65" s="61"/>
      <c r="AD65" s="61"/>
      <c r="AE65" s="62"/>
      <c r="AF65" s="62"/>
      <c r="AG65" s="62"/>
      <c r="AH65" s="60"/>
      <c r="AI65" s="60"/>
      <c r="AJ65" s="60"/>
      <c r="AK65" s="60"/>
      <c r="AL65" s="61"/>
      <c r="AM65" s="61"/>
      <c r="AN65" s="61"/>
      <c r="AO65" s="63"/>
    </row>
    <row r="66" spans="1:41" s="59" customFormat="1" ht="9.75" customHeight="1">
      <c r="A66" s="77"/>
      <c r="B66" s="179"/>
      <c r="C66" s="82"/>
      <c r="D66" s="179"/>
      <c r="E66" s="82"/>
      <c r="F66" s="78"/>
      <c r="G66" s="79"/>
      <c r="H66" s="80"/>
      <c r="I66" s="79"/>
      <c r="J66" s="80"/>
      <c r="K66" s="178"/>
      <c r="L66" s="79"/>
      <c r="M66" s="177"/>
      <c r="N66" s="81"/>
      <c r="O66" s="82"/>
      <c r="P66" s="82"/>
      <c r="Q66" s="78"/>
      <c r="R66" s="79"/>
      <c r="S66" s="82"/>
      <c r="T66" s="176"/>
      <c r="U66" s="82"/>
      <c r="V66" s="80"/>
      <c r="W66" s="81"/>
      <c r="X66" s="81"/>
      <c r="Y66" s="81"/>
      <c r="Z66" s="175"/>
      <c r="AA66" s="117"/>
      <c r="AB66" s="117"/>
      <c r="AC66" s="117"/>
      <c r="AD66" s="118"/>
      <c r="AE66" s="119"/>
      <c r="AF66" s="119"/>
      <c r="AG66" s="119"/>
      <c r="AH66" s="117"/>
      <c r="AI66" s="117"/>
      <c r="AJ66" s="117"/>
      <c r="AK66" s="117"/>
      <c r="AL66" s="118"/>
      <c r="AM66" s="119"/>
      <c r="AN66" s="119"/>
      <c r="AO66" s="120"/>
    </row>
    <row r="67" spans="1:41" ht="9.75" customHeight="1">
      <c r="A67" s="134"/>
      <c r="B67" s="135"/>
      <c r="C67" s="135"/>
      <c r="D67" s="135"/>
      <c r="E67" s="135"/>
      <c r="F67" s="135"/>
      <c r="G67" s="135"/>
      <c r="H67" s="135"/>
      <c r="I67" s="135"/>
      <c r="J67" s="135"/>
      <c r="K67" s="135"/>
      <c r="L67" s="135"/>
      <c r="M67" s="135"/>
      <c r="N67" s="135"/>
      <c r="O67" s="135"/>
      <c r="P67" s="135"/>
      <c r="Q67" s="135"/>
      <c r="R67" s="135"/>
      <c r="S67" s="135"/>
      <c r="T67" s="135"/>
      <c r="U67" s="135"/>
      <c r="V67" s="135"/>
      <c r="W67" s="135"/>
      <c r="X67" s="135"/>
      <c r="Y67" s="135"/>
      <c r="Z67" s="136"/>
      <c r="AA67" s="136"/>
      <c r="AB67" s="136"/>
      <c r="AC67" s="136"/>
      <c r="AD67" s="136"/>
      <c r="AE67" s="136"/>
      <c r="AF67" s="136"/>
      <c r="AG67" s="136"/>
      <c r="AH67" s="136"/>
      <c r="AI67" s="136"/>
      <c r="AJ67" s="136"/>
      <c r="AK67" s="136"/>
      <c r="AL67" s="136"/>
      <c r="AM67" s="136"/>
      <c r="AN67" s="136"/>
      <c r="AO67" s="137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59">
    <mergeCell ref="P40:P42"/>
    <mergeCell ref="Q55:Q57"/>
    <mergeCell ref="P55:P57"/>
    <mergeCell ref="Q10:Q12"/>
    <mergeCell ref="P10:P12"/>
    <mergeCell ref="Q19:Q21"/>
    <mergeCell ref="P19:P21"/>
    <mergeCell ref="Q22:Q24"/>
    <mergeCell ref="P22:P24"/>
    <mergeCell ref="Q28:Q30"/>
    <mergeCell ref="P28:P30"/>
    <mergeCell ref="Q31:Q33"/>
    <mergeCell ref="P31:P33"/>
    <mergeCell ref="Q34:Q36"/>
    <mergeCell ref="P34:P36"/>
    <mergeCell ref="F61:F63"/>
    <mergeCell ref="E61:E63"/>
    <mergeCell ref="D58:D60"/>
    <mergeCell ref="C58:C60"/>
    <mergeCell ref="F16:F18"/>
    <mergeCell ref="E16:E18"/>
    <mergeCell ref="F25:F27"/>
    <mergeCell ref="E25:E27"/>
    <mergeCell ref="F46:F48"/>
    <mergeCell ref="E46:E48"/>
    <mergeCell ref="F52:F54"/>
    <mergeCell ref="E52:E54"/>
    <mergeCell ref="D43:D45"/>
    <mergeCell ref="C43:C45"/>
    <mergeCell ref="D49:D51"/>
    <mergeCell ref="C49:C51"/>
    <mergeCell ref="A10:A12"/>
    <mergeCell ref="D13:D15"/>
    <mergeCell ref="C13:C15"/>
    <mergeCell ref="A5:B8"/>
    <mergeCell ref="C5:D8"/>
    <mergeCell ref="U5:X5"/>
    <mergeCell ref="X6:X8"/>
    <mergeCell ref="P7:Q8"/>
    <mergeCell ref="R7:S8"/>
    <mergeCell ref="B10:B12"/>
    <mergeCell ref="E5:F8"/>
    <mergeCell ref="G5:S5"/>
    <mergeCell ref="A65:F65"/>
    <mergeCell ref="G65:H65"/>
    <mergeCell ref="Y5:Y8"/>
    <mergeCell ref="Z5:AO8"/>
    <mergeCell ref="G6:H8"/>
    <mergeCell ref="I6:J8"/>
    <mergeCell ref="K6:K8"/>
    <mergeCell ref="L6:M8"/>
    <mergeCell ref="N6:N8"/>
    <mergeCell ref="P6:S6"/>
    <mergeCell ref="Q37:Q39"/>
    <mergeCell ref="P37:P39"/>
    <mergeCell ref="Q40:Q42"/>
    <mergeCell ref="U6:V8"/>
    <mergeCell ref="W6:W8"/>
    <mergeCell ref="T5:T8"/>
  </mergeCells>
  <phoneticPr fontId="1"/>
  <pageMargins left="0.39370078740157483" right="0.39370078740157483" top="0.39370078740157483" bottom="0.39370078740157483" header="0.19685039370078741" footer="0.19685039370078741"/>
  <pageSetup paperSize="9" firstPageNumber="278" pageOrder="overThenDown" orientation="portrait" useFirstPageNumber="1" r:id="rId1"/>
  <headerFooter>
    <oddFooter>&amp;C- &amp;P -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637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629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396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95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397</v>
      </c>
      <c r="I12" s="52" t="s">
        <v>23</v>
      </c>
      <c r="J12" s="53" t="s">
        <v>398</v>
      </c>
      <c r="K12" s="54" t="s">
        <v>22</v>
      </c>
      <c r="L12" s="54" t="s">
        <v>399</v>
      </c>
      <c r="M12" s="55"/>
      <c r="N12" s="55"/>
      <c r="O12" s="56"/>
      <c r="P12" s="52"/>
      <c r="Q12" s="53"/>
      <c r="R12" s="52" t="s">
        <v>400</v>
      </c>
      <c r="S12" s="57"/>
      <c r="T12" s="58" t="s">
        <v>400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109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401</v>
      </c>
      <c r="I15" s="43" t="s">
        <v>23</v>
      </c>
      <c r="J15" s="44" t="s">
        <v>402</v>
      </c>
      <c r="K15" s="45" t="s">
        <v>22</v>
      </c>
      <c r="L15" s="45" t="s">
        <v>149</v>
      </c>
      <c r="M15" s="42"/>
      <c r="N15" s="42"/>
      <c r="O15" s="64"/>
      <c r="P15" s="43"/>
      <c r="Q15" s="44"/>
      <c r="R15" s="43" t="s">
        <v>150</v>
      </c>
      <c r="S15" s="46"/>
      <c r="T15" s="47" t="s">
        <v>150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12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401</v>
      </c>
      <c r="I18" s="43" t="s">
        <v>23</v>
      </c>
      <c r="J18" s="44" t="s">
        <v>402</v>
      </c>
      <c r="K18" s="45" t="s">
        <v>22</v>
      </c>
      <c r="L18" s="45" t="s">
        <v>149</v>
      </c>
      <c r="M18" s="42"/>
      <c r="N18" s="42"/>
      <c r="O18" s="64"/>
      <c r="P18" s="43"/>
      <c r="Q18" s="44"/>
      <c r="R18" s="43" t="s">
        <v>150</v>
      </c>
      <c r="S18" s="46"/>
      <c r="T18" s="47" t="s">
        <v>150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30" t="s">
        <v>596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149</v>
      </c>
      <c r="R21" s="43" t="s">
        <v>150</v>
      </c>
      <c r="S21" s="46"/>
      <c r="T21" s="47" t="s">
        <v>150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101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403</v>
      </c>
      <c r="I24" s="43" t="s">
        <v>23</v>
      </c>
      <c r="J24" s="44" t="s">
        <v>404</v>
      </c>
      <c r="K24" s="45" t="s">
        <v>22</v>
      </c>
      <c r="L24" s="45" t="s">
        <v>405</v>
      </c>
      <c r="M24" s="42"/>
      <c r="N24" s="42"/>
      <c r="O24" s="41"/>
      <c r="P24" s="43"/>
      <c r="Q24" s="44"/>
      <c r="R24" s="43" t="s">
        <v>406</v>
      </c>
      <c r="S24" s="46"/>
      <c r="T24" s="47" t="s">
        <v>406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101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403</v>
      </c>
      <c r="I27" s="43" t="s">
        <v>23</v>
      </c>
      <c r="J27" s="44" t="s">
        <v>404</v>
      </c>
      <c r="K27" s="45" t="s">
        <v>22</v>
      </c>
      <c r="L27" s="45" t="s">
        <v>405</v>
      </c>
      <c r="M27" s="42"/>
      <c r="N27" s="42"/>
      <c r="O27" s="64"/>
      <c r="P27" s="43"/>
      <c r="Q27" s="44"/>
      <c r="R27" s="43" t="s">
        <v>406</v>
      </c>
      <c r="S27" s="46"/>
      <c r="T27" s="47" t="s">
        <v>406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89"/>
      <c r="B28" s="90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76"/>
      <c r="B29" s="115"/>
      <c r="C29" s="115"/>
      <c r="D29" s="115"/>
      <c r="E29" s="115"/>
      <c r="F29" s="115"/>
      <c r="G29" s="103"/>
      <c r="H29" s="104"/>
      <c r="I29" s="103"/>
      <c r="J29" s="104"/>
      <c r="K29" s="105"/>
      <c r="L29" s="105"/>
      <c r="M29" s="106"/>
      <c r="N29" s="106"/>
      <c r="O29" s="65"/>
      <c r="P29" s="103"/>
      <c r="Q29" s="104"/>
      <c r="R29" s="103"/>
      <c r="S29" s="107"/>
      <c r="T29" s="108"/>
      <c r="U29" s="104"/>
      <c r="V29" s="103"/>
      <c r="W29" s="104"/>
      <c r="X29" s="109" t="s">
        <v>1</v>
      </c>
      <c r="Y29" s="109"/>
      <c r="Z29" s="109"/>
      <c r="AA29" s="109"/>
      <c r="AB29" s="110"/>
      <c r="AC29" s="110"/>
      <c r="AD29" s="110"/>
      <c r="AE29" s="110"/>
      <c r="AF29" s="110"/>
      <c r="AG29" s="110"/>
      <c r="AH29" s="110"/>
      <c r="AI29" s="110"/>
      <c r="AJ29" s="110"/>
      <c r="AK29" s="111"/>
      <c r="AL29" s="111"/>
      <c r="AM29" s="112"/>
    </row>
    <row r="30" spans="1:39" s="59" customFormat="1" ht="9.75" customHeight="1">
      <c r="A30" s="248" t="s">
        <v>19</v>
      </c>
      <c r="B30" s="249"/>
      <c r="C30" s="250"/>
      <c r="D30" s="250"/>
      <c r="E30" s="250"/>
      <c r="F30" s="236"/>
      <c r="G30" s="52"/>
      <c r="H30" s="53" t="s">
        <v>397</v>
      </c>
      <c r="I30" s="52" t="s">
        <v>23</v>
      </c>
      <c r="J30" s="53" t="s">
        <v>398</v>
      </c>
      <c r="K30" s="54" t="s">
        <v>22</v>
      </c>
      <c r="L30" s="54" t="s">
        <v>399</v>
      </c>
      <c r="M30" s="55"/>
      <c r="N30" s="55"/>
      <c r="O30" s="56"/>
      <c r="P30" s="52"/>
      <c r="Q30" s="53"/>
      <c r="R30" s="52" t="s">
        <v>400</v>
      </c>
      <c r="S30" s="57"/>
      <c r="T30" s="58" t="s">
        <v>400</v>
      </c>
      <c r="U30" s="53" t="s">
        <v>22</v>
      </c>
      <c r="V30" s="52"/>
      <c r="W30" s="53" t="s">
        <v>22</v>
      </c>
      <c r="X30" s="60"/>
      <c r="Y30" s="60"/>
      <c r="Z30" s="60"/>
      <c r="AA30" s="60"/>
      <c r="AB30" s="61"/>
      <c r="AC30" s="61"/>
      <c r="AD30" s="61"/>
      <c r="AE30" s="61"/>
      <c r="AF30" s="61"/>
      <c r="AG30" s="61"/>
      <c r="AH30" s="61"/>
      <c r="AI30" s="61"/>
      <c r="AJ30" s="61"/>
      <c r="AK30" s="62"/>
      <c r="AL30" s="62"/>
      <c r="AM30" s="63"/>
    </row>
    <row r="31" spans="1:39" s="59" customFormat="1" ht="9.75" customHeight="1">
      <c r="A31" s="77"/>
      <c r="B31" s="116"/>
      <c r="C31" s="116"/>
      <c r="D31" s="116"/>
      <c r="E31" s="116"/>
      <c r="F31" s="116"/>
      <c r="G31" s="79"/>
      <c r="H31" s="80"/>
      <c r="I31" s="79"/>
      <c r="J31" s="80"/>
      <c r="K31" s="81"/>
      <c r="L31" s="81"/>
      <c r="M31" s="82"/>
      <c r="N31" s="82"/>
      <c r="O31" s="78"/>
      <c r="P31" s="79"/>
      <c r="Q31" s="80"/>
      <c r="R31" s="79"/>
      <c r="S31" s="83"/>
      <c r="T31" s="84"/>
      <c r="U31" s="80"/>
      <c r="V31" s="79"/>
      <c r="W31" s="80"/>
      <c r="X31" s="117"/>
      <c r="Y31" s="117"/>
      <c r="Z31" s="117"/>
      <c r="AA31" s="117"/>
      <c r="AB31" s="118"/>
      <c r="AC31" s="118"/>
      <c r="AD31" s="118"/>
      <c r="AE31" s="118"/>
      <c r="AF31" s="118"/>
      <c r="AG31" s="118"/>
      <c r="AH31" s="118"/>
      <c r="AI31" s="118"/>
      <c r="AJ31" s="118"/>
      <c r="AK31" s="119"/>
      <c r="AL31" s="119"/>
      <c r="AM31" s="120"/>
    </row>
    <row r="32" spans="1:39" ht="9.75" customHeight="1">
      <c r="A32" s="134"/>
      <c r="B32" s="135"/>
      <c r="C32" s="135"/>
      <c r="D32" s="135"/>
      <c r="E32" s="135"/>
      <c r="F32" s="135"/>
      <c r="G32" s="135"/>
      <c r="H32" s="135"/>
      <c r="I32" s="135"/>
      <c r="J32" s="135"/>
      <c r="K32" s="135"/>
      <c r="L32" s="135"/>
      <c r="M32" s="135"/>
      <c r="N32" s="135"/>
      <c r="O32" s="135"/>
      <c r="P32" s="135"/>
      <c r="Q32" s="135"/>
      <c r="R32" s="135"/>
      <c r="S32" s="135"/>
      <c r="T32" s="135"/>
      <c r="U32" s="135"/>
      <c r="V32" s="135"/>
      <c r="W32" s="135"/>
      <c r="X32" s="136"/>
      <c r="Y32" s="136"/>
      <c r="Z32" s="136"/>
      <c r="AA32" s="136"/>
      <c r="AB32" s="136"/>
      <c r="AC32" s="136"/>
      <c r="AD32" s="136"/>
      <c r="AE32" s="136"/>
      <c r="AF32" s="136"/>
      <c r="AG32" s="136"/>
      <c r="AH32" s="136"/>
      <c r="AI32" s="136"/>
      <c r="AJ32" s="136"/>
      <c r="AK32" s="136"/>
      <c r="AL32" s="136"/>
      <c r="AM32" s="137"/>
    </row>
    <row r="33" spans="1:39" ht="9.75" customHeight="1">
      <c r="A33" s="138"/>
      <c r="B33" s="139"/>
      <c r="C33" s="139"/>
      <c r="D33" s="139"/>
      <c r="E33" s="139"/>
      <c r="F33" s="139"/>
      <c r="G33" s="139"/>
      <c r="H33" s="139"/>
      <c r="I33" s="139"/>
      <c r="J33" s="139"/>
      <c r="K33" s="139"/>
      <c r="L33" s="139"/>
      <c r="M33" s="139"/>
      <c r="N33" s="139"/>
      <c r="O33" s="139"/>
      <c r="P33" s="139"/>
      <c r="Q33" s="139"/>
      <c r="R33" s="139"/>
      <c r="S33" s="139"/>
      <c r="T33" s="139"/>
      <c r="U33" s="139"/>
      <c r="V33" s="139"/>
      <c r="W33" s="139"/>
      <c r="X33" s="139"/>
      <c r="Y33" s="139"/>
      <c r="Z33" s="139"/>
      <c r="AA33" s="139"/>
      <c r="AB33" s="139"/>
      <c r="AC33" s="139"/>
      <c r="AD33" s="139"/>
      <c r="AE33" s="139"/>
      <c r="AF33" s="139"/>
      <c r="AG33" s="139"/>
      <c r="AH33" s="139"/>
      <c r="AI33" s="139"/>
      <c r="AJ33" s="139"/>
      <c r="AK33" s="139"/>
      <c r="AL33" s="139"/>
      <c r="AM33" s="140"/>
    </row>
    <row r="34" spans="1:39" ht="9.75" customHeight="1">
      <c r="A34" s="138"/>
      <c r="B34" s="139"/>
      <c r="C34" s="139"/>
      <c r="D34" s="139"/>
      <c r="E34" s="139"/>
      <c r="F34" s="139"/>
      <c r="G34" s="139"/>
      <c r="H34" s="139"/>
      <c r="I34" s="139"/>
      <c r="J34" s="139"/>
      <c r="K34" s="139"/>
      <c r="L34" s="139"/>
      <c r="M34" s="139"/>
      <c r="N34" s="139"/>
      <c r="O34" s="139"/>
      <c r="P34" s="139"/>
      <c r="Q34" s="139"/>
      <c r="R34" s="139"/>
      <c r="S34" s="139"/>
      <c r="T34" s="139"/>
      <c r="U34" s="139"/>
      <c r="V34" s="139"/>
      <c r="W34" s="139"/>
      <c r="X34" s="139"/>
      <c r="Y34" s="139"/>
      <c r="Z34" s="139"/>
      <c r="AA34" s="139"/>
      <c r="AB34" s="139"/>
      <c r="AC34" s="139"/>
      <c r="AD34" s="139"/>
      <c r="AE34" s="139"/>
      <c r="AF34" s="139"/>
      <c r="AG34" s="139"/>
      <c r="AH34" s="139"/>
      <c r="AI34" s="139"/>
      <c r="AJ34" s="139"/>
      <c r="AK34" s="139"/>
      <c r="AL34" s="139"/>
      <c r="AM34" s="140"/>
    </row>
    <row r="35" spans="1:39" ht="9.75" customHeight="1">
      <c r="A35" s="138"/>
      <c r="B35" s="139"/>
      <c r="C35" s="139"/>
      <c r="D35" s="139"/>
      <c r="E35" s="139"/>
      <c r="F35" s="139"/>
      <c r="G35" s="139"/>
      <c r="H35" s="139"/>
      <c r="I35" s="139"/>
      <c r="J35" s="139"/>
      <c r="K35" s="139"/>
      <c r="L35" s="139"/>
      <c r="M35" s="139"/>
      <c r="N35" s="139"/>
      <c r="O35" s="139"/>
      <c r="P35" s="139"/>
      <c r="Q35" s="139"/>
      <c r="R35" s="139"/>
      <c r="S35" s="139"/>
      <c r="T35" s="139"/>
      <c r="U35" s="139"/>
      <c r="V35" s="139"/>
      <c r="W35" s="139"/>
      <c r="X35" s="139"/>
      <c r="Y35" s="139"/>
      <c r="Z35" s="139"/>
      <c r="AA35" s="139"/>
      <c r="AB35" s="139"/>
      <c r="AC35" s="139"/>
      <c r="AD35" s="139"/>
      <c r="AE35" s="139"/>
      <c r="AF35" s="139"/>
      <c r="AG35" s="139"/>
      <c r="AH35" s="139"/>
      <c r="AI35" s="139"/>
      <c r="AJ35" s="139"/>
      <c r="AK35" s="139"/>
      <c r="AL35" s="139"/>
      <c r="AM35" s="140"/>
    </row>
    <row r="36" spans="1:39" ht="9.75" customHeight="1">
      <c r="A36" s="138"/>
      <c r="B36" s="139"/>
      <c r="C36" s="139"/>
      <c r="D36" s="139"/>
      <c r="E36" s="139"/>
      <c r="F36" s="139"/>
      <c r="G36" s="139"/>
      <c r="H36" s="139"/>
      <c r="I36" s="139"/>
      <c r="J36" s="139"/>
      <c r="K36" s="139"/>
      <c r="L36" s="139"/>
      <c r="M36" s="139"/>
      <c r="N36" s="139"/>
      <c r="O36" s="139"/>
      <c r="P36" s="139"/>
      <c r="Q36" s="139"/>
      <c r="R36" s="139"/>
      <c r="S36" s="139"/>
      <c r="T36" s="139"/>
      <c r="U36" s="139"/>
      <c r="V36" s="139"/>
      <c r="W36" s="139"/>
      <c r="X36" s="139"/>
      <c r="Y36" s="139"/>
      <c r="Z36" s="139"/>
      <c r="AA36" s="139"/>
      <c r="AB36" s="139"/>
      <c r="AC36" s="139"/>
      <c r="AD36" s="139"/>
      <c r="AE36" s="139"/>
      <c r="AF36" s="139"/>
      <c r="AG36" s="139"/>
      <c r="AH36" s="139"/>
      <c r="AI36" s="139"/>
      <c r="AJ36" s="139"/>
      <c r="AK36" s="139"/>
      <c r="AL36" s="139"/>
      <c r="AM36" s="140"/>
    </row>
    <row r="37" spans="1:39" ht="9.75" customHeight="1">
      <c r="A37" s="138"/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139"/>
      <c r="M37" s="139"/>
      <c r="N37" s="139"/>
      <c r="O37" s="139"/>
      <c r="P37" s="139"/>
      <c r="Q37" s="139"/>
      <c r="R37" s="139"/>
      <c r="S37" s="139"/>
      <c r="T37" s="139"/>
      <c r="U37" s="139"/>
      <c r="V37" s="139"/>
      <c r="W37" s="139"/>
      <c r="X37" s="139"/>
      <c r="Y37" s="139"/>
      <c r="Z37" s="139"/>
      <c r="AA37" s="139"/>
      <c r="AB37" s="139"/>
      <c r="AC37" s="139"/>
      <c r="AD37" s="139"/>
      <c r="AE37" s="139"/>
      <c r="AF37" s="139"/>
      <c r="AG37" s="139"/>
      <c r="AH37" s="139"/>
      <c r="AI37" s="139"/>
      <c r="AJ37" s="139"/>
      <c r="AK37" s="139"/>
      <c r="AL37" s="139"/>
      <c r="AM37" s="140"/>
    </row>
    <row r="38" spans="1:39" ht="9.75" customHeight="1">
      <c r="A38" s="138"/>
      <c r="B38" s="139"/>
      <c r="C38" s="139"/>
      <c r="D38" s="139"/>
      <c r="E38" s="139"/>
      <c r="F38" s="139"/>
      <c r="G38" s="139"/>
      <c r="H38" s="139"/>
      <c r="I38" s="139"/>
      <c r="J38" s="139"/>
      <c r="K38" s="139"/>
      <c r="L38" s="139"/>
      <c r="M38" s="139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40"/>
    </row>
    <row r="39" spans="1:39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40"/>
    </row>
    <row r="40" spans="1:39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40"/>
    </row>
    <row r="41" spans="1:39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40"/>
    </row>
    <row r="42" spans="1:39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40"/>
    </row>
    <row r="43" spans="1:39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40"/>
    </row>
    <row r="44" spans="1:39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40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1">
    <mergeCell ref="A30:F30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F17:F1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E17:E19"/>
    <mergeCell ref="F26:F28"/>
    <mergeCell ref="E26:E28"/>
    <mergeCell ref="O20:O22"/>
    <mergeCell ref="N20:N22"/>
  </mergeCells>
  <phoneticPr fontId="1"/>
  <pageMargins left="0.43307086614173229" right="0.39370078740157483" top="0.19685039370078741" bottom="0" header="0.19685039370078741" footer="0.19685039370078741"/>
  <pageSetup paperSize="9" firstPageNumber="280" pageOrder="overThenDown" orientation="portrait" useFirstPageNumber="1" r:id="rId1"/>
  <headerFooter>
    <oddFooter>&amp;C- &amp;P -</odd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134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1133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397</v>
      </c>
      <c r="I11" s="52" t="s">
        <v>23</v>
      </c>
      <c r="J11" s="53" t="s">
        <v>398</v>
      </c>
      <c r="K11" s="183" t="s">
        <v>22</v>
      </c>
      <c r="L11" s="52"/>
      <c r="M11" s="205" t="s">
        <v>22</v>
      </c>
      <c r="N11" s="54" t="s">
        <v>399</v>
      </c>
      <c r="O11" s="55"/>
      <c r="P11" s="228"/>
      <c r="Q11" s="294"/>
      <c r="R11" s="52"/>
      <c r="S11" s="55"/>
      <c r="T11" s="204" t="s">
        <v>400</v>
      </c>
      <c r="U11" s="55"/>
      <c r="V11" s="53" t="s">
        <v>22</v>
      </c>
      <c r="W11" s="54" t="s">
        <v>22</v>
      </c>
      <c r="X11" s="54" t="s">
        <v>22</v>
      </c>
      <c r="Y11" s="54" t="s">
        <v>1123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403</v>
      </c>
      <c r="I14" s="169" t="s">
        <v>23</v>
      </c>
      <c r="J14" s="44" t="s">
        <v>404</v>
      </c>
      <c r="K14" s="192" t="s">
        <v>22</v>
      </c>
      <c r="L14" s="169"/>
      <c r="M14" s="191" t="s">
        <v>22</v>
      </c>
      <c r="N14" s="45" t="s">
        <v>405</v>
      </c>
      <c r="O14" s="168"/>
      <c r="P14" s="168"/>
      <c r="Q14" s="170"/>
      <c r="R14" s="169"/>
      <c r="S14" s="168"/>
      <c r="T14" s="190" t="s">
        <v>406</v>
      </c>
      <c r="U14" s="168"/>
      <c r="V14" s="44" t="s">
        <v>22</v>
      </c>
      <c r="W14" s="45" t="s">
        <v>22</v>
      </c>
      <c r="X14" s="45" t="s">
        <v>22</v>
      </c>
      <c r="Y14" s="45" t="s">
        <v>1131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1132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403</v>
      </c>
      <c r="I17" s="169" t="s">
        <v>23</v>
      </c>
      <c r="J17" s="44" t="s">
        <v>404</v>
      </c>
      <c r="K17" s="192" t="s">
        <v>22</v>
      </c>
      <c r="L17" s="169"/>
      <c r="M17" s="191" t="s">
        <v>22</v>
      </c>
      <c r="N17" s="45" t="s">
        <v>405</v>
      </c>
      <c r="O17" s="168"/>
      <c r="P17" s="168"/>
      <c r="Q17" s="170"/>
      <c r="R17" s="169"/>
      <c r="S17" s="168"/>
      <c r="T17" s="190" t="s">
        <v>406</v>
      </c>
      <c r="U17" s="168"/>
      <c r="V17" s="44" t="s">
        <v>22</v>
      </c>
      <c r="W17" s="45" t="s">
        <v>22</v>
      </c>
      <c r="X17" s="45" t="s">
        <v>22</v>
      </c>
      <c r="Y17" s="45" t="s">
        <v>1131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405</v>
      </c>
      <c r="T20" s="190" t="s">
        <v>406</v>
      </c>
      <c r="U20" s="168"/>
      <c r="V20" s="44" t="s">
        <v>22</v>
      </c>
      <c r="W20" s="45" t="s">
        <v>22</v>
      </c>
      <c r="X20" s="45" t="s">
        <v>22</v>
      </c>
      <c r="Y20" s="45" t="s">
        <v>1131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72"/>
      <c r="D21" s="203"/>
      <c r="E21" s="172"/>
      <c r="F21" s="90"/>
      <c r="G21" s="172"/>
      <c r="H21" s="92"/>
      <c r="I21" s="172"/>
      <c r="J21" s="92"/>
      <c r="K21" s="202"/>
      <c r="L21" s="172"/>
      <c r="M21" s="201"/>
      <c r="N21" s="48"/>
      <c r="O21" s="174"/>
      <c r="P21" s="229"/>
      <c r="Q21" s="223"/>
      <c r="R21" s="172"/>
      <c r="S21" s="174"/>
      <c r="T21" s="200"/>
      <c r="U21" s="174"/>
      <c r="V21" s="92"/>
      <c r="W21" s="48"/>
      <c r="X21" s="48"/>
      <c r="Y21" s="48"/>
      <c r="Z21" s="199"/>
      <c r="AA21" s="95"/>
      <c r="AB21" s="95"/>
      <c r="AC21" s="95"/>
      <c r="AD21" s="96"/>
      <c r="AE21" s="97"/>
      <c r="AF21" s="97"/>
      <c r="AG21" s="97"/>
      <c r="AH21" s="95"/>
      <c r="AI21" s="95"/>
      <c r="AJ21" s="95"/>
      <c r="AK21" s="95"/>
      <c r="AL21" s="96"/>
      <c r="AM21" s="97"/>
      <c r="AN21" s="97"/>
      <c r="AO21" s="98"/>
    </row>
    <row r="22" spans="1:41" s="59" customFormat="1" ht="9.75" customHeight="1">
      <c r="A22" s="40"/>
      <c r="B22" s="170"/>
      <c r="C22" s="218" t="s">
        <v>25</v>
      </c>
      <c r="D22" s="221" t="s">
        <v>675</v>
      </c>
      <c r="E22" s="162"/>
      <c r="F22" s="163"/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219"/>
      <c r="D23" s="222"/>
      <c r="E23" s="169"/>
      <c r="F23" s="170"/>
      <c r="G23" s="169"/>
      <c r="H23" s="44" t="s">
        <v>401</v>
      </c>
      <c r="I23" s="169" t="s">
        <v>23</v>
      </c>
      <c r="J23" s="44" t="s">
        <v>402</v>
      </c>
      <c r="K23" s="192" t="s">
        <v>22</v>
      </c>
      <c r="L23" s="169"/>
      <c r="M23" s="191" t="s">
        <v>22</v>
      </c>
      <c r="N23" s="45" t="s">
        <v>149</v>
      </c>
      <c r="O23" s="168"/>
      <c r="P23" s="168"/>
      <c r="Q23" s="41"/>
      <c r="R23" s="169"/>
      <c r="S23" s="168"/>
      <c r="T23" s="190" t="s">
        <v>150</v>
      </c>
      <c r="U23" s="168"/>
      <c r="V23" s="44" t="s">
        <v>22</v>
      </c>
      <c r="W23" s="45" t="s">
        <v>22</v>
      </c>
      <c r="X23" s="45" t="s">
        <v>22</v>
      </c>
      <c r="Y23" s="45" t="s">
        <v>170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219"/>
      <c r="D24" s="222"/>
      <c r="E24" s="169"/>
      <c r="F24" s="170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70"/>
      <c r="E25" s="218" t="s">
        <v>21</v>
      </c>
      <c r="F25" s="221" t="s">
        <v>673</v>
      </c>
      <c r="G25" s="162"/>
      <c r="H25" s="69"/>
      <c r="I25" s="162"/>
      <c r="J25" s="69"/>
      <c r="K25" s="198"/>
      <c r="L25" s="162"/>
      <c r="M25" s="197"/>
      <c r="N25" s="70"/>
      <c r="O25" s="167"/>
      <c r="P25" s="167"/>
      <c r="Q25" s="68"/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219"/>
      <c r="F26" s="222"/>
      <c r="G26" s="169"/>
      <c r="H26" s="44" t="s">
        <v>1130</v>
      </c>
      <c r="I26" s="169"/>
      <c r="J26" s="44" t="s">
        <v>22</v>
      </c>
      <c r="K26" s="192" t="s">
        <v>22</v>
      </c>
      <c r="L26" s="169"/>
      <c r="M26" s="191" t="s">
        <v>22</v>
      </c>
      <c r="N26" s="45" t="s">
        <v>1130</v>
      </c>
      <c r="O26" s="168"/>
      <c r="P26" s="168"/>
      <c r="Q26" s="170"/>
      <c r="R26" s="169"/>
      <c r="S26" s="168"/>
      <c r="T26" s="190" t="s">
        <v>1129</v>
      </c>
      <c r="U26" s="168"/>
      <c r="V26" s="44" t="s">
        <v>22</v>
      </c>
      <c r="W26" s="45" t="s">
        <v>22</v>
      </c>
      <c r="X26" s="45" t="s">
        <v>22</v>
      </c>
      <c r="Y26" s="45" t="s">
        <v>1128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219"/>
      <c r="F27" s="222"/>
      <c r="G27" s="169"/>
      <c r="H27" s="44"/>
      <c r="I27" s="169"/>
      <c r="J27" s="44"/>
      <c r="K27" s="192"/>
      <c r="L27" s="169"/>
      <c r="M27" s="191"/>
      <c r="N27" s="45"/>
      <c r="O27" s="168"/>
      <c r="P27" s="168"/>
      <c r="Q27" s="170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170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666</v>
      </c>
      <c r="Q28" s="221" t="s">
        <v>665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170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130</v>
      </c>
      <c r="T29" s="190" t="s">
        <v>1129</v>
      </c>
      <c r="U29" s="168"/>
      <c r="V29" s="44" t="s">
        <v>22</v>
      </c>
      <c r="W29" s="45" t="s">
        <v>22</v>
      </c>
      <c r="X29" s="45" t="s">
        <v>22</v>
      </c>
      <c r="Y29" s="45" t="s">
        <v>1128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3"/>
      <c r="C31" s="169"/>
      <c r="D31" s="170"/>
      <c r="E31" s="218" t="s">
        <v>25</v>
      </c>
      <c r="F31" s="221" t="s">
        <v>671</v>
      </c>
      <c r="G31" s="162"/>
      <c r="H31" s="69"/>
      <c r="I31" s="162"/>
      <c r="J31" s="69"/>
      <c r="K31" s="198"/>
      <c r="L31" s="162"/>
      <c r="M31" s="197"/>
      <c r="N31" s="70"/>
      <c r="O31" s="167"/>
      <c r="P31" s="167"/>
      <c r="Q31" s="68"/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3"/>
      <c r="C32" s="169"/>
      <c r="D32" s="193"/>
      <c r="E32" s="219"/>
      <c r="F32" s="222"/>
      <c r="G32" s="169"/>
      <c r="H32" s="44" t="s">
        <v>1127</v>
      </c>
      <c r="I32" s="169" t="s">
        <v>23</v>
      </c>
      <c r="J32" s="44" t="s">
        <v>402</v>
      </c>
      <c r="K32" s="192" t="s">
        <v>22</v>
      </c>
      <c r="L32" s="169"/>
      <c r="M32" s="191" t="s">
        <v>22</v>
      </c>
      <c r="N32" s="45" t="s">
        <v>1126</v>
      </c>
      <c r="O32" s="168"/>
      <c r="P32" s="168"/>
      <c r="Q32" s="41"/>
      <c r="R32" s="169"/>
      <c r="S32" s="168"/>
      <c r="T32" s="190" t="s">
        <v>1125</v>
      </c>
      <c r="U32" s="168"/>
      <c r="V32" s="44" t="s">
        <v>22</v>
      </c>
      <c r="W32" s="45" t="s">
        <v>22</v>
      </c>
      <c r="X32" s="45" t="s">
        <v>22</v>
      </c>
      <c r="Y32" s="45" t="s">
        <v>1124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3"/>
      <c r="C33" s="169"/>
      <c r="D33" s="193"/>
      <c r="E33" s="219"/>
      <c r="F33" s="222"/>
      <c r="G33" s="169"/>
      <c r="H33" s="44"/>
      <c r="I33" s="169"/>
      <c r="J33" s="44"/>
      <c r="K33" s="192"/>
      <c r="L33" s="169"/>
      <c r="M33" s="191"/>
      <c r="N33" s="45"/>
      <c r="O33" s="168"/>
      <c r="P33" s="168"/>
      <c r="Q33" s="41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3"/>
      <c r="E34" s="169"/>
      <c r="F34" s="170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666</v>
      </c>
      <c r="Q34" s="221" t="s">
        <v>665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3"/>
      <c r="E35" s="169"/>
      <c r="F35" s="170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126</v>
      </c>
      <c r="T35" s="190" t="s">
        <v>1125</v>
      </c>
      <c r="U35" s="168"/>
      <c r="V35" s="44" t="s">
        <v>22</v>
      </c>
      <c r="W35" s="45" t="s">
        <v>22</v>
      </c>
      <c r="X35" s="45" t="s">
        <v>22</v>
      </c>
      <c r="Y35" s="45" t="s">
        <v>1124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3"/>
      <c r="E36" s="169"/>
      <c r="F36" s="170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76"/>
      <c r="B37" s="188"/>
      <c r="C37" s="167"/>
      <c r="D37" s="188"/>
      <c r="E37" s="167"/>
      <c r="F37" s="68"/>
      <c r="G37" s="103"/>
      <c r="H37" s="104"/>
      <c r="I37" s="103"/>
      <c r="J37" s="104"/>
      <c r="K37" s="187"/>
      <c r="L37" s="103"/>
      <c r="M37" s="186"/>
      <c r="N37" s="105"/>
      <c r="O37" s="106"/>
      <c r="P37" s="106"/>
      <c r="Q37" s="65"/>
      <c r="R37" s="103"/>
      <c r="S37" s="106"/>
      <c r="T37" s="185"/>
      <c r="U37" s="106"/>
      <c r="V37" s="104"/>
      <c r="W37" s="105"/>
      <c r="X37" s="105"/>
      <c r="Y37" s="105"/>
      <c r="Z37" s="184" t="s">
        <v>1</v>
      </c>
      <c r="AA37" s="109"/>
      <c r="AB37" s="109"/>
      <c r="AC37" s="109"/>
      <c r="AD37" s="110"/>
      <c r="AE37" s="111"/>
      <c r="AF37" s="111"/>
      <c r="AG37" s="111"/>
      <c r="AH37" s="109"/>
      <c r="AI37" s="109"/>
      <c r="AJ37" s="109"/>
      <c r="AK37" s="109"/>
      <c r="AL37" s="110"/>
      <c r="AM37" s="111"/>
      <c r="AN37" s="111"/>
      <c r="AO37" s="112"/>
    </row>
    <row r="38" spans="1:41" s="59" customFormat="1" ht="9.75" customHeight="1">
      <c r="A38" s="248" t="s">
        <v>660</v>
      </c>
      <c r="B38" s="249"/>
      <c r="C38" s="250"/>
      <c r="D38" s="250"/>
      <c r="E38" s="250"/>
      <c r="F38" s="236"/>
      <c r="G38" s="273" t="s">
        <v>397</v>
      </c>
      <c r="H38" s="274"/>
      <c r="I38" s="52" t="s">
        <v>23</v>
      </c>
      <c r="J38" s="53" t="s">
        <v>398</v>
      </c>
      <c r="K38" s="54" t="s">
        <v>22</v>
      </c>
      <c r="L38" s="52"/>
      <c r="M38" s="53" t="s">
        <v>22</v>
      </c>
      <c r="N38" s="183" t="s">
        <v>399</v>
      </c>
      <c r="O38" s="182"/>
      <c r="P38" s="55"/>
      <c r="Q38" s="56"/>
      <c r="R38" s="52"/>
      <c r="S38" s="55"/>
      <c r="T38" s="181" t="s">
        <v>400</v>
      </c>
      <c r="U38" s="55"/>
      <c r="V38" s="53" t="s">
        <v>22</v>
      </c>
      <c r="W38" s="54" t="s">
        <v>22</v>
      </c>
      <c r="X38" s="53" t="s">
        <v>22</v>
      </c>
      <c r="Y38" s="54" t="s">
        <v>1123</v>
      </c>
      <c r="Z38" s="180"/>
      <c r="AA38" s="61"/>
      <c r="AB38" s="61"/>
      <c r="AC38" s="61"/>
      <c r="AD38" s="61"/>
      <c r="AE38" s="62"/>
      <c r="AF38" s="62"/>
      <c r="AG38" s="62"/>
      <c r="AH38" s="60"/>
      <c r="AI38" s="60"/>
      <c r="AJ38" s="60"/>
      <c r="AK38" s="60"/>
      <c r="AL38" s="61"/>
      <c r="AM38" s="61"/>
      <c r="AN38" s="61"/>
      <c r="AO38" s="63"/>
    </row>
    <row r="39" spans="1:41" s="59" customFormat="1" ht="9.75" customHeight="1">
      <c r="A39" s="77"/>
      <c r="B39" s="179"/>
      <c r="C39" s="82"/>
      <c r="D39" s="179"/>
      <c r="E39" s="82"/>
      <c r="F39" s="78"/>
      <c r="G39" s="79"/>
      <c r="H39" s="80"/>
      <c r="I39" s="79"/>
      <c r="J39" s="80"/>
      <c r="K39" s="178"/>
      <c r="L39" s="79"/>
      <c r="M39" s="177"/>
      <c r="N39" s="81"/>
      <c r="O39" s="82"/>
      <c r="P39" s="82"/>
      <c r="Q39" s="78"/>
      <c r="R39" s="79"/>
      <c r="S39" s="82"/>
      <c r="T39" s="176"/>
      <c r="U39" s="82"/>
      <c r="V39" s="80"/>
      <c r="W39" s="81"/>
      <c r="X39" s="81"/>
      <c r="Y39" s="81"/>
      <c r="Z39" s="175"/>
      <c r="AA39" s="117"/>
      <c r="AB39" s="117"/>
      <c r="AC39" s="117"/>
      <c r="AD39" s="118"/>
      <c r="AE39" s="119"/>
      <c r="AF39" s="119"/>
      <c r="AG39" s="119"/>
      <c r="AH39" s="117"/>
      <c r="AI39" s="117"/>
      <c r="AJ39" s="117"/>
      <c r="AK39" s="117"/>
      <c r="AL39" s="118"/>
      <c r="AM39" s="119"/>
      <c r="AN39" s="119"/>
      <c r="AO39" s="120"/>
    </row>
    <row r="40" spans="1:41" ht="9.75" customHeight="1">
      <c r="A40" s="134"/>
      <c r="B40" s="135"/>
      <c r="C40" s="135"/>
      <c r="D40" s="135"/>
      <c r="E40" s="135"/>
      <c r="F40" s="135"/>
      <c r="G40" s="135"/>
      <c r="H40" s="135"/>
      <c r="I40" s="135"/>
      <c r="J40" s="135"/>
      <c r="K40" s="135"/>
      <c r="L40" s="135"/>
      <c r="M40" s="135"/>
      <c r="N40" s="135"/>
      <c r="O40" s="135"/>
      <c r="P40" s="135"/>
      <c r="Q40" s="135"/>
      <c r="R40" s="135"/>
      <c r="S40" s="135"/>
      <c r="T40" s="135"/>
      <c r="U40" s="135"/>
      <c r="V40" s="135"/>
      <c r="W40" s="135"/>
      <c r="X40" s="135"/>
      <c r="Y40" s="135"/>
      <c r="Z40" s="136"/>
      <c r="AA40" s="136"/>
      <c r="AB40" s="136"/>
      <c r="AC40" s="136"/>
      <c r="AD40" s="136"/>
      <c r="AE40" s="136"/>
      <c r="AF40" s="136"/>
      <c r="AG40" s="136"/>
      <c r="AH40" s="136"/>
      <c r="AI40" s="136"/>
      <c r="AJ40" s="136"/>
      <c r="AK40" s="136"/>
      <c r="AL40" s="136"/>
      <c r="AM40" s="136"/>
      <c r="AN40" s="136"/>
      <c r="AO40" s="137"/>
    </row>
    <row r="41" spans="1:41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  <c r="AN41" s="139"/>
      <c r="AO41" s="140"/>
    </row>
    <row r="42" spans="1:41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  <c r="AN42" s="139"/>
      <c r="AO42" s="140"/>
    </row>
    <row r="43" spans="1:41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  <c r="AN43" s="139"/>
      <c r="AO43" s="140"/>
    </row>
    <row r="44" spans="1:41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  <c r="AN44" s="139"/>
      <c r="AO44" s="140"/>
    </row>
    <row r="45" spans="1:41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  <c r="AN45" s="139"/>
      <c r="AO45" s="140"/>
    </row>
    <row r="46" spans="1:41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  <c r="AN46" s="139"/>
      <c r="AO46" s="140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1">
    <mergeCell ref="F31:F33"/>
    <mergeCell ref="E31:E33"/>
    <mergeCell ref="Q34:Q36"/>
    <mergeCell ref="P34:P36"/>
    <mergeCell ref="P10:P12"/>
    <mergeCell ref="Q19:Q21"/>
    <mergeCell ref="P19:P21"/>
    <mergeCell ref="Q28:Q30"/>
    <mergeCell ref="P28:P30"/>
    <mergeCell ref="B10:B12"/>
    <mergeCell ref="A10:A12"/>
    <mergeCell ref="D13:D15"/>
    <mergeCell ref="C13:C15"/>
    <mergeCell ref="F25:F27"/>
    <mergeCell ref="E25:E27"/>
    <mergeCell ref="C22:C24"/>
    <mergeCell ref="F16:F18"/>
    <mergeCell ref="E16:E18"/>
    <mergeCell ref="Q10:Q12"/>
    <mergeCell ref="R7:S8"/>
    <mergeCell ref="T5:T8"/>
    <mergeCell ref="U5:X5"/>
    <mergeCell ref="X6:X8"/>
    <mergeCell ref="P7:Q8"/>
    <mergeCell ref="D22:D24"/>
    <mergeCell ref="A38:F38"/>
    <mergeCell ref="G38:H3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82" pageOrder="overThenDown" orientation="portrait" useFirstPageNumber="1" r:id="rId1"/>
  <headerFooter>
    <oddFooter>&amp;C- &amp;P -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407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124"/>
      <c r="N2" s="232" t="s">
        <v>197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630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23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21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21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122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631</v>
      </c>
      <c r="C11" s="128"/>
      <c r="D11" s="130"/>
      <c r="E11" s="128"/>
      <c r="F11" s="130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128"/>
      <c r="D12" s="130"/>
      <c r="E12" s="128"/>
      <c r="F12" s="130"/>
      <c r="G12" s="52"/>
      <c r="H12" s="53" t="s">
        <v>408</v>
      </c>
      <c r="I12" s="52" t="s">
        <v>23</v>
      </c>
      <c r="J12" s="53" t="s">
        <v>409</v>
      </c>
      <c r="K12" s="54" t="s">
        <v>22</v>
      </c>
      <c r="L12" s="54" t="s">
        <v>410</v>
      </c>
      <c r="M12" s="55"/>
      <c r="N12" s="55"/>
      <c r="O12" s="56"/>
      <c r="P12" s="52"/>
      <c r="Q12" s="53"/>
      <c r="R12" s="52" t="s">
        <v>411</v>
      </c>
      <c r="S12" s="57"/>
      <c r="T12" s="58" t="s">
        <v>412</v>
      </c>
      <c r="U12" s="53" t="s">
        <v>22</v>
      </c>
      <c r="V12" s="52"/>
      <c r="W12" s="53" t="s">
        <v>413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128"/>
      <c r="D13" s="130"/>
      <c r="E13" s="128"/>
      <c r="F13" s="130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126"/>
      <c r="B14" s="56"/>
      <c r="C14" s="218" t="s">
        <v>21</v>
      </c>
      <c r="D14" s="221" t="s">
        <v>109</v>
      </c>
      <c r="E14" s="129"/>
      <c r="F14" s="127"/>
      <c r="G14" s="129"/>
      <c r="H14" s="69"/>
      <c r="I14" s="129"/>
      <c r="J14" s="69"/>
      <c r="K14" s="70"/>
      <c r="L14" s="70"/>
      <c r="M14" s="132"/>
      <c r="N14" s="132"/>
      <c r="O14" s="127"/>
      <c r="P14" s="129"/>
      <c r="Q14" s="69"/>
      <c r="R14" s="129"/>
      <c r="S14" s="72"/>
      <c r="T14" s="73"/>
      <c r="U14" s="69"/>
      <c r="V14" s="129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128"/>
      <c r="F15" s="130"/>
      <c r="G15" s="128"/>
      <c r="H15" s="44" t="s">
        <v>414</v>
      </c>
      <c r="I15" s="128" t="s">
        <v>23</v>
      </c>
      <c r="J15" s="44" t="s">
        <v>415</v>
      </c>
      <c r="K15" s="45" t="s">
        <v>22</v>
      </c>
      <c r="L15" s="45" t="s">
        <v>416</v>
      </c>
      <c r="M15" s="131"/>
      <c r="N15" s="131"/>
      <c r="O15" s="130"/>
      <c r="P15" s="128"/>
      <c r="Q15" s="44"/>
      <c r="R15" s="128" t="s">
        <v>417</v>
      </c>
      <c r="S15" s="46"/>
      <c r="T15" s="47" t="s">
        <v>418</v>
      </c>
      <c r="U15" s="44" t="s">
        <v>22</v>
      </c>
      <c r="V15" s="128"/>
      <c r="W15" s="44" t="s">
        <v>419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128"/>
      <c r="F16" s="130"/>
      <c r="G16" s="128"/>
      <c r="H16" s="44"/>
      <c r="I16" s="128"/>
      <c r="J16" s="44"/>
      <c r="K16" s="45"/>
      <c r="L16" s="45"/>
      <c r="M16" s="131"/>
      <c r="N16" s="131"/>
      <c r="O16" s="130"/>
      <c r="P16" s="128"/>
      <c r="Q16" s="44"/>
      <c r="R16" s="128"/>
      <c r="S16" s="46"/>
      <c r="T16" s="47"/>
      <c r="U16" s="44"/>
      <c r="V16" s="128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128"/>
      <c r="D17" s="41"/>
      <c r="E17" s="218" t="s">
        <v>21</v>
      </c>
      <c r="F17" s="221" t="s">
        <v>112</v>
      </c>
      <c r="G17" s="129"/>
      <c r="H17" s="69"/>
      <c r="I17" s="129"/>
      <c r="J17" s="69"/>
      <c r="K17" s="70"/>
      <c r="L17" s="70"/>
      <c r="M17" s="132"/>
      <c r="N17" s="132"/>
      <c r="O17" s="127"/>
      <c r="P17" s="129"/>
      <c r="Q17" s="69"/>
      <c r="R17" s="129"/>
      <c r="S17" s="72"/>
      <c r="T17" s="73"/>
      <c r="U17" s="69"/>
      <c r="V17" s="129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128"/>
      <c r="D18" s="41"/>
      <c r="E18" s="219"/>
      <c r="F18" s="222"/>
      <c r="G18" s="128"/>
      <c r="H18" s="44" t="s">
        <v>414</v>
      </c>
      <c r="I18" s="128" t="s">
        <v>23</v>
      </c>
      <c r="J18" s="44" t="s">
        <v>415</v>
      </c>
      <c r="K18" s="45" t="s">
        <v>22</v>
      </c>
      <c r="L18" s="45" t="s">
        <v>416</v>
      </c>
      <c r="M18" s="131"/>
      <c r="N18" s="131"/>
      <c r="O18" s="130"/>
      <c r="P18" s="128"/>
      <c r="Q18" s="44"/>
      <c r="R18" s="128" t="s">
        <v>417</v>
      </c>
      <c r="S18" s="46"/>
      <c r="T18" s="47" t="s">
        <v>418</v>
      </c>
      <c r="U18" s="44" t="s">
        <v>22</v>
      </c>
      <c r="V18" s="128"/>
      <c r="W18" s="44" t="s">
        <v>419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128"/>
      <c r="D19" s="41"/>
      <c r="E19" s="219"/>
      <c r="F19" s="222"/>
      <c r="G19" s="128"/>
      <c r="H19" s="44"/>
      <c r="I19" s="128"/>
      <c r="J19" s="44"/>
      <c r="K19" s="45"/>
      <c r="L19" s="45"/>
      <c r="M19" s="131"/>
      <c r="N19" s="131"/>
      <c r="O19" s="130"/>
      <c r="P19" s="128"/>
      <c r="Q19" s="44"/>
      <c r="R19" s="128"/>
      <c r="S19" s="46"/>
      <c r="T19" s="47"/>
      <c r="U19" s="44"/>
      <c r="V19" s="128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128"/>
      <c r="D20" s="41"/>
      <c r="E20" s="128"/>
      <c r="F20" s="41"/>
      <c r="G20" s="128"/>
      <c r="H20" s="44"/>
      <c r="I20" s="128"/>
      <c r="J20" s="44"/>
      <c r="K20" s="45"/>
      <c r="L20" s="45"/>
      <c r="M20" s="131"/>
      <c r="N20" s="227" t="s">
        <v>21</v>
      </c>
      <c r="O20" s="224" t="s">
        <v>632</v>
      </c>
      <c r="P20" s="129"/>
      <c r="Q20" s="69"/>
      <c r="R20" s="129"/>
      <c r="S20" s="72"/>
      <c r="T20" s="73"/>
      <c r="U20" s="69"/>
      <c r="V20" s="129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128"/>
      <c r="D21" s="41"/>
      <c r="E21" s="128"/>
      <c r="F21" s="41"/>
      <c r="G21" s="128"/>
      <c r="H21" s="44"/>
      <c r="I21" s="128"/>
      <c r="J21" s="44"/>
      <c r="K21" s="45"/>
      <c r="L21" s="45"/>
      <c r="M21" s="131"/>
      <c r="N21" s="228"/>
      <c r="O21" s="225"/>
      <c r="P21" s="128"/>
      <c r="Q21" s="44" t="s">
        <v>420</v>
      </c>
      <c r="R21" s="128" t="s">
        <v>421</v>
      </c>
      <c r="S21" s="46"/>
      <c r="T21" s="47" t="s">
        <v>422</v>
      </c>
      <c r="U21" s="44" t="s">
        <v>22</v>
      </c>
      <c r="V21" s="128"/>
      <c r="W21" s="44" t="s">
        <v>423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128"/>
      <c r="D22" s="41"/>
      <c r="E22" s="128"/>
      <c r="F22" s="41"/>
      <c r="G22" s="128"/>
      <c r="H22" s="44"/>
      <c r="I22" s="128"/>
      <c r="J22" s="44"/>
      <c r="K22" s="45"/>
      <c r="L22" s="45"/>
      <c r="M22" s="131"/>
      <c r="N22" s="229"/>
      <c r="O22" s="226"/>
      <c r="P22" s="128"/>
      <c r="Q22" s="44"/>
      <c r="R22" s="128"/>
      <c r="S22" s="46"/>
      <c r="T22" s="47"/>
      <c r="U22" s="44"/>
      <c r="V22" s="128"/>
      <c r="W22" s="44"/>
      <c r="X22" s="33"/>
      <c r="Y22" s="33"/>
      <c r="Z22" s="33"/>
      <c r="AA22" s="33"/>
      <c r="AB22" s="34"/>
      <c r="AC22" s="34"/>
      <c r="AD22" s="34"/>
      <c r="AE22" s="34"/>
      <c r="AF22" s="34"/>
      <c r="AG22" s="34"/>
      <c r="AH22" s="34"/>
      <c r="AI22" s="34"/>
      <c r="AJ22" s="34"/>
      <c r="AK22" s="35"/>
      <c r="AL22" s="35"/>
      <c r="AM22" s="36"/>
    </row>
    <row r="23" spans="1:39" s="59" customFormat="1" ht="9.75" customHeight="1">
      <c r="A23" s="40"/>
      <c r="B23" s="41"/>
      <c r="C23" s="128"/>
      <c r="D23" s="41"/>
      <c r="E23" s="128"/>
      <c r="F23" s="41"/>
      <c r="G23" s="128"/>
      <c r="H23" s="44"/>
      <c r="I23" s="128"/>
      <c r="J23" s="44"/>
      <c r="K23" s="45"/>
      <c r="L23" s="45"/>
      <c r="M23" s="131"/>
      <c r="N23" s="227" t="s">
        <v>25</v>
      </c>
      <c r="O23" s="224" t="s">
        <v>633</v>
      </c>
      <c r="P23" s="129"/>
      <c r="Q23" s="69"/>
      <c r="R23" s="129"/>
      <c r="S23" s="72"/>
      <c r="T23" s="73"/>
      <c r="U23" s="69"/>
      <c r="V23" s="129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40"/>
      <c r="B24" s="41"/>
      <c r="C24" s="128"/>
      <c r="D24" s="41"/>
      <c r="E24" s="128"/>
      <c r="F24" s="41"/>
      <c r="G24" s="128"/>
      <c r="H24" s="44"/>
      <c r="I24" s="128"/>
      <c r="J24" s="44"/>
      <c r="K24" s="45"/>
      <c r="L24" s="45"/>
      <c r="M24" s="131"/>
      <c r="N24" s="228"/>
      <c r="O24" s="225"/>
      <c r="P24" s="128"/>
      <c r="Q24" s="44" t="s">
        <v>424</v>
      </c>
      <c r="R24" s="128" t="s">
        <v>425</v>
      </c>
      <c r="S24" s="46"/>
      <c r="T24" s="47" t="s">
        <v>425</v>
      </c>
      <c r="U24" s="44" t="s">
        <v>22</v>
      </c>
      <c r="V24" s="128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40"/>
      <c r="B25" s="41"/>
      <c r="C25" s="128"/>
      <c r="D25" s="41"/>
      <c r="E25" s="128"/>
      <c r="F25" s="41"/>
      <c r="G25" s="128"/>
      <c r="H25" s="44"/>
      <c r="I25" s="128"/>
      <c r="J25" s="44"/>
      <c r="K25" s="45"/>
      <c r="L25" s="45"/>
      <c r="M25" s="131"/>
      <c r="N25" s="229"/>
      <c r="O25" s="226"/>
      <c r="P25" s="128"/>
      <c r="Q25" s="44"/>
      <c r="R25" s="128"/>
      <c r="S25" s="46"/>
      <c r="T25" s="47"/>
      <c r="U25" s="44"/>
      <c r="V25" s="128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40"/>
      <c r="B26" s="41"/>
      <c r="C26" s="128"/>
      <c r="D26" s="41"/>
      <c r="E26" s="128"/>
      <c r="F26" s="41"/>
      <c r="G26" s="128"/>
      <c r="H26" s="44"/>
      <c r="I26" s="128"/>
      <c r="J26" s="44"/>
      <c r="K26" s="45"/>
      <c r="L26" s="45"/>
      <c r="M26" s="131"/>
      <c r="N26" s="227" t="s">
        <v>26</v>
      </c>
      <c r="O26" s="230" t="s">
        <v>634</v>
      </c>
      <c r="P26" s="129"/>
      <c r="Q26" s="69"/>
      <c r="R26" s="129"/>
      <c r="S26" s="72"/>
      <c r="T26" s="73"/>
      <c r="U26" s="69"/>
      <c r="V26" s="129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128"/>
      <c r="D27" s="41"/>
      <c r="E27" s="128"/>
      <c r="F27" s="41"/>
      <c r="G27" s="128"/>
      <c r="H27" s="44"/>
      <c r="I27" s="128"/>
      <c r="J27" s="44"/>
      <c r="K27" s="45"/>
      <c r="L27" s="45"/>
      <c r="M27" s="131"/>
      <c r="N27" s="228"/>
      <c r="O27" s="222"/>
      <c r="P27" s="128"/>
      <c r="Q27" s="44" t="s">
        <v>22</v>
      </c>
      <c r="R27" s="128" t="s">
        <v>426</v>
      </c>
      <c r="S27" s="46"/>
      <c r="T27" s="47" t="s">
        <v>427</v>
      </c>
      <c r="U27" s="44" t="s">
        <v>22</v>
      </c>
      <c r="V27" s="128"/>
      <c r="W27" s="44" t="s">
        <v>428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90"/>
      <c r="E28" s="91"/>
      <c r="F28" s="90"/>
      <c r="G28" s="91"/>
      <c r="H28" s="92"/>
      <c r="I28" s="91"/>
      <c r="J28" s="92"/>
      <c r="K28" s="48"/>
      <c r="L28" s="48"/>
      <c r="M28" s="49"/>
      <c r="N28" s="229"/>
      <c r="O28" s="223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126"/>
      <c r="B29" s="125"/>
      <c r="C29" s="218" t="s">
        <v>25</v>
      </c>
      <c r="D29" s="221" t="s">
        <v>66</v>
      </c>
      <c r="E29" s="129"/>
      <c r="F29" s="127"/>
      <c r="G29" s="129"/>
      <c r="H29" s="69"/>
      <c r="I29" s="129"/>
      <c r="J29" s="69"/>
      <c r="K29" s="70"/>
      <c r="L29" s="70"/>
      <c r="M29" s="132"/>
      <c r="N29" s="132"/>
      <c r="O29" s="68"/>
      <c r="P29" s="129"/>
      <c r="Q29" s="69"/>
      <c r="R29" s="129"/>
      <c r="S29" s="72"/>
      <c r="T29" s="73"/>
      <c r="U29" s="69"/>
      <c r="V29" s="129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126"/>
      <c r="B30" s="125"/>
      <c r="C30" s="219"/>
      <c r="D30" s="222"/>
      <c r="E30" s="128"/>
      <c r="F30" s="130"/>
      <c r="G30" s="128"/>
      <c r="H30" s="44" t="s">
        <v>429</v>
      </c>
      <c r="I30" s="128"/>
      <c r="J30" s="44" t="s">
        <v>22</v>
      </c>
      <c r="K30" s="45" t="s">
        <v>22</v>
      </c>
      <c r="L30" s="45" t="s">
        <v>429</v>
      </c>
      <c r="M30" s="131"/>
      <c r="N30" s="131"/>
      <c r="O30" s="41"/>
      <c r="P30" s="128"/>
      <c r="Q30" s="44"/>
      <c r="R30" s="128" t="s">
        <v>430</v>
      </c>
      <c r="S30" s="46"/>
      <c r="T30" s="47" t="s">
        <v>430</v>
      </c>
      <c r="U30" s="44" t="s">
        <v>22</v>
      </c>
      <c r="V30" s="128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126"/>
      <c r="B31" s="125"/>
      <c r="C31" s="219"/>
      <c r="D31" s="222"/>
      <c r="E31" s="128"/>
      <c r="F31" s="130"/>
      <c r="G31" s="128"/>
      <c r="H31" s="44"/>
      <c r="I31" s="128"/>
      <c r="J31" s="44"/>
      <c r="K31" s="45"/>
      <c r="L31" s="45"/>
      <c r="M31" s="131"/>
      <c r="N31" s="131"/>
      <c r="O31" s="41"/>
      <c r="P31" s="128"/>
      <c r="Q31" s="44"/>
      <c r="R31" s="128"/>
      <c r="S31" s="46"/>
      <c r="T31" s="47"/>
      <c r="U31" s="44"/>
      <c r="V31" s="128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126"/>
      <c r="B32" s="56"/>
      <c r="C32" s="128"/>
      <c r="D32" s="130"/>
      <c r="E32" s="218" t="s">
        <v>21</v>
      </c>
      <c r="F32" s="230" t="s">
        <v>571</v>
      </c>
      <c r="G32" s="129"/>
      <c r="H32" s="69"/>
      <c r="I32" s="129"/>
      <c r="J32" s="69"/>
      <c r="K32" s="70"/>
      <c r="L32" s="70"/>
      <c r="M32" s="132"/>
      <c r="N32" s="132"/>
      <c r="O32" s="127"/>
      <c r="P32" s="129"/>
      <c r="Q32" s="69"/>
      <c r="R32" s="129"/>
      <c r="S32" s="72"/>
      <c r="T32" s="73"/>
      <c r="U32" s="69"/>
      <c r="V32" s="129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128"/>
      <c r="D33" s="130"/>
      <c r="E33" s="219"/>
      <c r="F33" s="222"/>
      <c r="G33" s="128"/>
      <c r="H33" s="44" t="s">
        <v>429</v>
      </c>
      <c r="I33" s="128"/>
      <c r="J33" s="44" t="s">
        <v>22</v>
      </c>
      <c r="K33" s="45" t="s">
        <v>22</v>
      </c>
      <c r="L33" s="45" t="s">
        <v>429</v>
      </c>
      <c r="M33" s="131"/>
      <c r="N33" s="131"/>
      <c r="O33" s="130"/>
      <c r="P33" s="128"/>
      <c r="Q33" s="44"/>
      <c r="R33" s="128" t="s">
        <v>430</v>
      </c>
      <c r="S33" s="46"/>
      <c r="T33" s="47" t="s">
        <v>430</v>
      </c>
      <c r="U33" s="44" t="s">
        <v>22</v>
      </c>
      <c r="V33" s="128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126"/>
      <c r="B35" s="125"/>
      <c r="C35" s="218" t="s">
        <v>26</v>
      </c>
      <c r="D35" s="221" t="s">
        <v>80</v>
      </c>
      <c r="E35" s="129"/>
      <c r="F35" s="127"/>
      <c r="G35" s="129"/>
      <c r="H35" s="69"/>
      <c r="I35" s="129"/>
      <c r="J35" s="69"/>
      <c r="K35" s="70"/>
      <c r="L35" s="70"/>
      <c r="M35" s="132"/>
      <c r="N35" s="132"/>
      <c r="O35" s="68"/>
      <c r="P35" s="129"/>
      <c r="Q35" s="69"/>
      <c r="R35" s="129"/>
      <c r="S35" s="72"/>
      <c r="T35" s="73"/>
      <c r="U35" s="69"/>
      <c r="V35" s="129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126"/>
      <c r="B36" s="125"/>
      <c r="C36" s="219"/>
      <c r="D36" s="222"/>
      <c r="E36" s="128"/>
      <c r="F36" s="130"/>
      <c r="G36" s="128"/>
      <c r="H36" s="44" t="s">
        <v>431</v>
      </c>
      <c r="I36" s="128" t="s">
        <v>23</v>
      </c>
      <c r="J36" s="44" t="s">
        <v>432</v>
      </c>
      <c r="K36" s="45" t="s">
        <v>22</v>
      </c>
      <c r="L36" s="45" t="s">
        <v>433</v>
      </c>
      <c r="M36" s="131"/>
      <c r="N36" s="131"/>
      <c r="O36" s="41"/>
      <c r="P36" s="128"/>
      <c r="Q36" s="44"/>
      <c r="R36" s="128" t="s">
        <v>434</v>
      </c>
      <c r="S36" s="46"/>
      <c r="T36" s="47" t="s">
        <v>434</v>
      </c>
      <c r="U36" s="44" t="s">
        <v>22</v>
      </c>
      <c r="V36" s="128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126"/>
      <c r="B37" s="125"/>
      <c r="C37" s="219"/>
      <c r="D37" s="222"/>
      <c r="E37" s="128"/>
      <c r="F37" s="130"/>
      <c r="G37" s="128"/>
      <c r="H37" s="44"/>
      <c r="I37" s="128"/>
      <c r="J37" s="44"/>
      <c r="K37" s="45"/>
      <c r="L37" s="45"/>
      <c r="M37" s="131"/>
      <c r="N37" s="131"/>
      <c r="O37" s="41"/>
      <c r="P37" s="128"/>
      <c r="Q37" s="44"/>
      <c r="R37" s="128"/>
      <c r="S37" s="46"/>
      <c r="T37" s="47"/>
      <c r="U37" s="44"/>
      <c r="V37" s="128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126"/>
      <c r="B38" s="56"/>
      <c r="C38" s="128"/>
      <c r="D38" s="130"/>
      <c r="E38" s="218" t="s">
        <v>21</v>
      </c>
      <c r="F38" s="221" t="s">
        <v>80</v>
      </c>
      <c r="G38" s="129"/>
      <c r="H38" s="69"/>
      <c r="I38" s="129"/>
      <c r="J38" s="69"/>
      <c r="K38" s="70"/>
      <c r="L38" s="70"/>
      <c r="M38" s="132"/>
      <c r="N38" s="132"/>
      <c r="O38" s="127"/>
      <c r="P38" s="129"/>
      <c r="Q38" s="69"/>
      <c r="R38" s="129"/>
      <c r="S38" s="72"/>
      <c r="T38" s="73"/>
      <c r="U38" s="69"/>
      <c r="V38" s="129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128"/>
      <c r="D39" s="130"/>
      <c r="E39" s="219"/>
      <c r="F39" s="222"/>
      <c r="G39" s="128"/>
      <c r="H39" s="44" t="s">
        <v>431</v>
      </c>
      <c r="I39" s="128" t="s">
        <v>23</v>
      </c>
      <c r="J39" s="44" t="s">
        <v>432</v>
      </c>
      <c r="K39" s="45" t="s">
        <v>22</v>
      </c>
      <c r="L39" s="45" t="s">
        <v>433</v>
      </c>
      <c r="M39" s="131"/>
      <c r="N39" s="131"/>
      <c r="O39" s="130"/>
      <c r="P39" s="128"/>
      <c r="Q39" s="44"/>
      <c r="R39" s="128" t="s">
        <v>434</v>
      </c>
      <c r="S39" s="46"/>
      <c r="T39" s="47" t="s">
        <v>434</v>
      </c>
      <c r="U39" s="44" t="s">
        <v>22</v>
      </c>
      <c r="V39" s="128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40"/>
      <c r="B40" s="41"/>
      <c r="C40" s="91"/>
      <c r="D40" s="102"/>
      <c r="E40" s="220"/>
      <c r="F40" s="223"/>
      <c r="G40" s="91"/>
      <c r="H40" s="92"/>
      <c r="I40" s="91"/>
      <c r="J40" s="92"/>
      <c r="K40" s="48"/>
      <c r="L40" s="48"/>
      <c r="M40" s="49"/>
      <c r="N40" s="49"/>
      <c r="O40" s="102"/>
      <c r="P40" s="91"/>
      <c r="Q40" s="92"/>
      <c r="R40" s="91"/>
      <c r="S40" s="93"/>
      <c r="T40" s="94"/>
      <c r="U40" s="92"/>
      <c r="V40" s="91"/>
      <c r="W40" s="92"/>
      <c r="X40" s="95"/>
      <c r="Y40" s="95"/>
      <c r="Z40" s="95"/>
      <c r="AA40" s="95"/>
      <c r="AB40" s="96"/>
      <c r="AC40" s="96"/>
      <c r="AD40" s="96"/>
      <c r="AE40" s="96"/>
      <c r="AF40" s="96"/>
      <c r="AG40" s="96"/>
      <c r="AH40" s="96"/>
      <c r="AI40" s="96"/>
      <c r="AJ40" s="96"/>
      <c r="AK40" s="97"/>
      <c r="AL40" s="97"/>
      <c r="AM40" s="98"/>
    </row>
    <row r="41" spans="1:39" s="59" customFormat="1" ht="9.75" customHeight="1">
      <c r="A41" s="126"/>
      <c r="B41" s="125"/>
      <c r="C41" s="218" t="s">
        <v>31</v>
      </c>
      <c r="D41" s="221" t="s">
        <v>82</v>
      </c>
      <c r="E41" s="129"/>
      <c r="F41" s="127"/>
      <c r="G41" s="129"/>
      <c r="H41" s="69"/>
      <c r="I41" s="129"/>
      <c r="J41" s="69"/>
      <c r="K41" s="70"/>
      <c r="L41" s="70"/>
      <c r="M41" s="132"/>
      <c r="N41" s="132"/>
      <c r="O41" s="68"/>
      <c r="P41" s="129"/>
      <c r="Q41" s="69"/>
      <c r="R41" s="129"/>
      <c r="S41" s="72"/>
      <c r="T41" s="73"/>
      <c r="U41" s="69"/>
      <c r="V41" s="129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126"/>
      <c r="B42" s="125"/>
      <c r="C42" s="219"/>
      <c r="D42" s="222"/>
      <c r="E42" s="128"/>
      <c r="F42" s="130"/>
      <c r="G42" s="128"/>
      <c r="H42" s="44" t="s">
        <v>435</v>
      </c>
      <c r="I42" s="128"/>
      <c r="J42" s="44" t="s">
        <v>22</v>
      </c>
      <c r="K42" s="45" t="s">
        <v>22</v>
      </c>
      <c r="L42" s="45" t="s">
        <v>435</v>
      </c>
      <c r="M42" s="131"/>
      <c r="N42" s="131"/>
      <c r="O42" s="41"/>
      <c r="P42" s="128"/>
      <c r="Q42" s="44"/>
      <c r="R42" s="128" t="s">
        <v>436</v>
      </c>
      <c r="S42" s="46"/>
      <c r="T42" s="47" t="s">
        <v>437</v>
      </c>
      <c r="U42" s="44" t="s">
        <v>22</v>
      </c>
      <c r="V42" s="128"/>
      <c r="W42" s="44" t="s">
        <v>438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126"/>
      <c r="B43" s="125"/>
      <c r="C43" s="219"/>
      <c r="D43" s="222"/>
      <c r="E43" s="128"/>
      <c r="F43" s="130"/>
      <c r="G43" s="128"/>
      <c r="H43" s="44"/>
      <c r="I43" s="128"/>
      <c r="J43" s="44"/>
      <c r="K43" s="45"/>
      <c r="L43" s="45"/>
      <c r="M43" s="131"/>
      <c r="N43" s="131"/>
      <c r="O43" s="41"/>
      <c r="P43" s="128"/>
      <c r="Q43" s="44"/>
      <c r="R43" s="128"/>
      <c r="S43" s="46"/>
      <c r="T43" s="47"/>
      <c r="U43" s="44"/>
      <c r="V43" s="128"/>
      <c r="W43" s="44"/>
      <c r="X43" s="33"/>
      <c r="Y43" s="33"/>
      <c r="Z43" s="33"/>
      <c r="AA43" s="33"/>
      <c r="AB43" s="34"/>
      <c r="AC43" s="34"/>
      <c r="AD43" s="34"/>
      <c r="AE43" s="34"/>
      <c r="AF43" s="34"/>
      <c r="AG43" s="34"/>
      <c r="AH43" s="34"/>
      <c r="AI43" s="34"/>
      <c r="AJ43" s="34"/>
      <c r="AK43" s="35"/>
      <c r="AL43" s="35"/>
      <c r="AM43" s="36"/>
    </row>
    <row r="44" spans="1:39" s="59" customFormat="1" ht="9.75" customHeight="1">
      <c r="A44" s="126"/>
      <c r="B44" s="56"/>
      <c r="C44" s="128"/>
      <c r="D44" s="130"/>
      <c r="E44" s="218" t="s">
        <v>21</v>
      </c>
      <c r="F44" s="221" t="s">
        <v>83</v>
      </c>
      <c r="G44" s="129"/>
      <c r="H44" s="69"/>
      <c r="I44" s="129"/>
      <c r="J44" s="69"/>
      <c r="K44" s="70"/>
      <c r="L44" s="70"/>
      <c r="M44" s="132"/>
      <c r="N44" s="132"/>
      <c r="O44" s="127"/>
      <c r="P44" s="129"/>
      <c r="Q44" s="69"/>
      <c r="R44" s="129"/>
      <c r="S44" s="72"/>
      <c r="T44" s="73"/>
      <c r="U44" s="69"/>
      <c r="V44" s="129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40"/>
      <c r="B45" s="41"/>
      <c r="C45" s="128"/>
      <c r="D45" s="130"/>
      <c r="E45" s="219"/>
      <c r="F45" s="222"/>
      <c r="G45" s="128"/>
      <c r="H45" s="44" t="s">
        <v>439</v>
      </c>
      <c r="I45" s="128"/>
      <c r="J45" s="44" t="s">
        <v>22</v>
      </c>
      <c r="K45" s="45" t="s">
        <v>22</v>
      </c>
      <c r="L45" s="45" t="s">
        <v>439</v>
      </c>
      <c r="M45" s="131"/>
      <c r="N45" s="131"/>
      <c r="O45" s="130"/>
      <c r="P45" s="128"/>
      <c r="Q45" s="44"/>
      <c r="R45" s="128" t="s">
        <v>440</v>
      </c>
      <c r="S45" s="46"/>
      <c r="T45" s="47" t="s">
        <v>440</v>
      </c>
      <c r="U45" s="44" t="s">
        <v>22</v>
      </c>
      <c r="V45" s="128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40"/>
      <c r="B46" s="41"/>
      <c r="C46" s="128"/>
      <c r="D46" s="130"/>
      <c r="E46" s="220"/>
      <c r="F46" s="223"/>
      <c r="G46" s="128"/>
      <c r="H46" s="44"/>
      <c r="I46" s="128"/>
      <c r="J46" s="44"/>
      <c r="K46" s="45"/>
      <c r="L46" s="45"/>
      <c r="M46" s="131"/>
      <c r="N46" s="131"/>
      <c r="O46" s="130"/>
      <c r="P46" s="128"/>
      <c r="Q46" s="44"/>
      <c r="R46" s="128"/>
      <c r="S46" s="46"/>
      <c r="T46" s="47"/>
      <c r="U46" s="44"/>
      <c r="V46" s="128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126"/>
      <c r="B47" s="125"/>
      <c r="C47" s="128"/>
      <c r="D47" s="130"/>
      <c r="E47" s="218" t="s">
        <v>25</v>
      </c>
      <c r="F47" s="221" t="s">
        <v>92</v>
      </c>
      <c r="G47" s="129"/>
      <c r="H47" s="69"/>
      <c r="I47" s="129"/>
      <c r="J47" s="69"/>
      <c r="K47" s="70"/>
      <c r="L47" s="70"/>
      <c r="M47" s="132"/>
      <c r="N47" s="132"/>
      <c r="O47" s="68"/>
      <c r="P47" s="129"/>
      <c r="Q47" s="69"/>
      <c r="R47" s="129"/>
      <c r="S47" s="72"/>
      <c r="T47" s="73"/>
      <c r="U47" s="69"/>
      <c r="V47" s="129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126"/>
      <c r="B48" s="125"/>
      <c r="C48" s="128"/>
      <c r="D48" s="130"/>
      <c r="E48" s="219"/>
      <c r="F48" s="222"/>
      <c r="G48" s="128"/>
      <c r="H48" s="44" t="s">
        <v>208</v>
      </c>
      <c r="I48" s="128"/>
      <c r="J48" s="44" t="s">
        <v>22</v>
      </c>
      <c r="K48" s="45" t="s">
        <v>22</v>
      </c>
      <c r="L48" s="45" t="s">
        <v>208</v>
      </c>
      <c r="M48" s="131"/>
      <c r="N48" s="131"/>
      <c r="O48" s="41"/>
      <c r="P48" s="128"/>
      <c r="Q48" s="44"/>
      <c r="R48" s="128" t="s">
        <v>441</v>
      </c>
      <c r="S48" s="46"/>
      <c r="T48" s="47" t="s">
        <v>441</v>
      </c>
      <c r="U48" s="44" t="s">
        <v>22</v>
      </c>
      <c r="V48" s="128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126"/>
      <c r="B49" s="125"/>
      <c r="C49" s="128"/>
      <c r="D49" s="130"/>
      <c r="E49" s="220"/>
      <c r="F49" s="223"/>
      <c r="G49" s="128"/>
      <c r="H49" s="44"/>
      <c r="I49" s="128"/>
      <c r="J49" s="44"/>
      <c r="K49" s="45"/>
      <c r="L49" s="45"/>
      <c r="M49" s="131"/>
      <c r="N49" s="131"/>
      <c r="O49" s="41"/>
      <c r="P49" s="128"/>
      <c r="Q49" s="44"/>
      <c r="R49" s="128"/>
      <c r="S49" s="46"/>
      <c r="T49" s="47"/>
      <c r="U49" s="44"/>
      <c r="V49" s="128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126"/>
      <c r="B50" s="125"/>
      <c r="C50" s="128"/>
      <c r="D50" s="130"/>
      <c r="E50" s="218" t="s">
        <v>26</v>
      </c>
      <c r="F50" s="221" t="s">
        <v>99</v>
      </c>
      <c r="G50" s="129"/>
      <c r="H50" s="69"/>
      <c r="I50" s="129"/>
      <c r="J50" s="69"/>
      <c r="K50" s="70"/>
      <c r="L50" s="70"/>
      <c r="M50" s="132"/>
      <c r="N50" s="132"/>
      <c r="O50" s="68"/>
      <c r="P50" s="129"/>
      <c r="Q50" s="69"/>
      <c r="R50" s="129"/>
      <c r="S50" s="72"/>
      <c r="T50" s="73"/>
      <c r="U50" s="69"/>
      <c r="V50" s="129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126"/>
      <c r="B51" s="125"/>
      <c r="C51" s="128"/>
      <c r="D51" s="130"/>
      <c r="E51" s="219"/>
      <c r="F51" s="222"/>
      <c r="G51" s="128"/>
      <c r="H51" s="44" t="s">
        <v>442</v>
      </c>
      <c r="I51" s="128"/>
      <c r="J51" s="44" t="s">
        <v>22</v>
      </c>
      <c r="K51" s="45" t="s">
        <v>22</v>
      </c>
      <c r="L51" s="45" t="s">
        <v>442</v>
      </c>
      <c r="M51" s="131"/>
      <c r="N51" s="131"/>
      <c r="O51" s="41"/>
      <c r="P51" s="128"/>
      <c r="Q51" s="44"/>
      <c r="R51" s="128" t="s">
        <v>443</v>
      </c>
      <c r="S51" s="46"/>
      <c r="T51" s="47" t="s">
        <v>444</v>
      </c>
      <c r="U51" s="44" t="s">
        <v>22</v>
      </c>
      <c r="V51" s="128"/>
      <c r="W51" s="44" t="s">
        <v>438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126"/>
      <c r="B52" s="125"/>
      <c r="C52" s="128"/>
      <c r="D52" s="130"/>
      <c r="E52" s="219"/>
      <c r="F52" s="222"/>
      <c r="G52" s="128"/>
      <c r="H52" s="44"/>
      <c r="I52" s="128"/>
      <c r="J52" s="44"/>
      <c r="K52" s="45"/>
      <c r="L52" s="45"/>
      <c r="M52" s="131"/>
      <c r="N52" s="131"/>
      <c r="O52" s="41"/>
      <c r="P52" s="128"/>
      <c r="Q52" s="44"/>
      <c r="R52" s="128"/>
      <c r="S52" s="46"/>
      <c r="T52" s="47"/>
      <c r="U52" s="44"/>
      <c r="V52" s="128"/>
      <c r="W52" s="44"/>
      <c r="X52" s="33"/>
      <c r="Y52" s="33"/>
      <c r="Z52" s="33"/>
      <c r="AA52" s="33"/>
      <c r="AB52" s="34"/>
      <c r="AC52" s="34"/>
      <c r="AD52" s="34"/>
      <c r="AE52" s="34"/>
      <c r="AF52" s="34"/>
      <c r="AG52" s="34"/>
      <c r="AH52" s="34"/>
      <c r="AI52" s="34"/>
      <c r="AJ52" s="34"/>
      <c r="AK52" s="35"/>
      <c r="AL52" s="35"/>
      <c r="AM52" s="36"/>
    </row>
    <row r="53" spans="1:39" s="59" customFormat="1" ht="9.75" customHeight="1">
      <c r="A53" s="126"/>
      <c r="B53" s="56"/>
      <c r="C53" s="128"/>
      <c r="D53" s="130"/>
      <c r="E53" s="128"/>
      <c r="F53" s="130"/>
      <c r="G53" s="128"/>
      <c r="H53" s="44"/>
      <c r="I53" s="128"/>
      <c r="J53" s="44"/>
      <c r="K53" s="45"/>
      <c r="L53" s="45"/>
      <c r="M53" s="131"/>
      <c r="N53" s="227" t="s">
        <v>21</v>
      </c>
      <c r="O53" s="221" t="s">
        <v>328</v>
      </c>
      <c r="P53" s="129"/>
      <c r="Q53" s="69"/>
      <c r="R53" s="129"/>
      <c r="S53" s="72"/>
      <c r="T53" s="73"/>
      <c r="U53" s="69"/>
      <c r="V53" s="129"/>
      <c r="W53" s="69"/>
      <c r="X53" s="74" t="s">
        <v>1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/>
    </row>
    <row r="54" spans="1:39" s="59" customFormat="1" ht="9.75" customHeight="1">
      <c r="A54" s="40"/>
      <c r="B54" s="41"/>
      <c r="C54" s="128"/>
      <c r="D54" s="130"/>
      <c r="E54" s="128"/>
      <c r="F54" s="130"/>
      <c r="G54" s="128"/>
      <c r="H54" s="44"/>
      <c r="I54" s="128"/>
      <c r="J54" s="44"/>
      <c r="K54" s="45"/>
      <c r="L54" s="45"/>
      <c r="M54" s="131"/>
      <c r="N54" s="228"/>
      <c r="O54" s="222"/>
      <c r="P54" s="128"/>
      <c r="Q54" s="44" t="s">
        <v>442</v>
      </c>
      <c r="R54" s="128" t="s">
        <v>443</v>
      </c>
      <c r="S54" s="46"/>
      <c r="T54" s="47" t="s">
        <v>444</v>
      </c>
      <c r="U54" s="44" t="s">
        <v>22</v>
      </c>
      <c r="V54" s="128"/>
      <c r="W54" s="44" t="s">
        <v>438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40"/>
      <c r="B55" s="41"/>
      <c r="C55" s="91"/>
      <c r="D55" s="102"/>
      <c r="E55" s="91"/>
      <c r="F55" s="102"/>
      <c r="G55" s="91"/>
      <c r="H55" s="92"/>
      <c r="I55" s="91"/>
      <c r="J55" s="92"/>
      <c r="K55" s="48"/>
      <c r="L55" s="48"/>
      <c r="M55" s="49"/>
      <c r="N55" s="229"/>
      <c r="O55" s="223"/>
      <c r="P55" s="91"/>
      <c r="Q55" s="92"/>
      <c r="R55" s="91"/>
      <c r="S55" s="93"/>
      <c r="T55" s="94"/>
      <c r="U55" s="92"/>
      <c r="V55" s="91"/>
      <c r="W55" s="92"/>
      <c r="X55" s="95"/>
      <c r="Y55" s="95"/>
      <c r="Z55" s="95"/>
      <c r="AA55" s="95"/>
      <c r="AB55" s="96"/>
      <c r="AC55" s="96"/>
      <c r="AD55" s="96"/>
      <c r="AE55" s="96"/>
      <c r="AF55" s="96"/>
      <c r="AG55" s="96"/>
      <c r="AH55" s="96"/>
      <c r="AI55" s="96"/>
      <c r="AJ55" s="96"/>
      <c r="AK55" s="97"/>
      <c r="AL55" s="97"/>
      <c r="AM55" s="98"/>
    </row>
    <row r="56" spans="1:39" s="59" customFormat="1" ht="9.75" customHeight="1">
      <c r="A56" s="126"/>
      <c r="B56" s="125"/>
      <c r="C56" s="218" t="s">
        <v>32</v>
      </c>
      <c r="D56" s="221" t="s">
        <v>101</v>
      </c>
      <c r="E56" s="129"/>
      <c r="F56" s="127"/>
      <c r="G56" s="129"/>
      <c r="H56" s="69"/>
      <c r="I56" s="129"/>
      <c r="J56" s="69"/>
      <c r="K56" s="70"/>
      <c r="L56" s="70"/>
      <c r="M56" s="132"/>
      <c r="N56" s="132"/>
      <c r="O56" s="68"/>
      <c r="P56" s="129"/>
      <c r="Q56" s="69"/>
      <c r="R56" s="129"/>
      <c r="S56" s="72"/>
      <c r="T56" s="73"/>
      <c r="U56" s="69"/>
      <c r="V56" s="129"/>
      <c r="W56" s="69"/>
      <c r="X56" s="74" t="s">
        <v>1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/>
    </row>
    <row r="57" spans="1:39" s="59" customFormat="1" ht="9.75" customHeight="1">
      <c r="A57" s="126"/>
      <c r="B57" s="125"/>
      <c r="C57" s="219"/>
      <c r="D57" s="222"/>
      <c r="E57" s="128"/>
      <c r="F57" s="130"/>
      <c r="G57" s="128"/>
      <c r="H57" s="44" t="s">
        <v>445</v>
      </c>
      <c r="I57" s="128"/>
      <c r="J57" s="44" t="s">
        <v>22</v>
      </c>
      <c r="K57" s="45" t="s">
        <v>22</v>
      </c>
      <c r="L57" s="45" t="s">
        <v>445</v>
      </c>
      <c r="M57" s="131"/>
      <c r="N57" s="131"/>
      <c r="O57" s="41"/>
      <c r="P57" s="128"/>
      <c r="Q57" s="44"/>
      <c r="R57" s="128" t="s">
        <v>446</v>
      </c>
      <c r="S57" s="46"/>
      <c r="T57" s="47" t="s">
        <v>446</v>
      </c>
      <c r="U57" s="44" t="s">
        <v>22</v>
      </c>
      <c r="V57" s="128"/>
      <c r="W57" s="44" t="s">
        <v>22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126"/>
      <c r="B58" s="125"/>
      <c r="C58" s="219"/>
      <c r="D58" s="222"/>
      <c r="E58" s="128"/>
      <c r="F58" s="130"/>
      <c r="G58" s="128"/>
      <c r="H58" s="44"/>
      <c r="I58" s="128"/>
      <c r="J58" s="44"/>
      <c r="K58" s="45"/>
      <c r="L58" s="45"/>
      <c r="M58" s="131"/>
      <c r="N58" s="131"/>
      <c r="O58" s="41"/>
      <c r="P58" s="128"/>
      <c r="Q58" s="44"/>
      <c r="R58" s="128"/>
      <c r="S58" s="46"/>
      <c r="T58" s="47"/>
      <c r="U58" s="44"/>
      <c r="V58" s="128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126"/>
      <c r="B59" s="56"/>
      <c r="C59" s="128"/>
      <c r="D59" s="130"/>
      <c r="E59" s="218" t="s">
        <v>21</v>
      </c>
      <c r="F59" s="221" t="s">
        <v>101</v>
      </c>
      <c r="G59" s="129"/>
      <c r="H59" s="69"/>
      <c r="I59" s="129"/>
      <c r="J59" s="69"/>
      <c r="K59" s="70"/>
      <c r="L59" s="70"/>
      <c r="M59" s="132"/>
      <c r="N59" s="132"/>
      <c r="O59" s="127"/>
      <c r="P59" s="129"/>
      <c r="Q59" s="69"/>
      <c r="R59" s="129"/>
      <c r="S59" s="72"/>
      <c r="T59" s="73"/>
      <c r="U59" s="69"/>
      <c r="V59" s="129"/>
      <c r="W59" s="69"/>
      <c r="X59" s="74" t="s">
        <v>1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/>
    </row>
    <row r="60" spans="1:39" s="59" customFormat="1" ht="9.75" customHeight="1">
      <c r="A60" s="40"/>
      <c r="B60" s="41"/>
      <c r="C60" s="128"/>
      <c r="D60" s="130"/>
      <c r="E60" s="219"/>
      <c r="F60" s="222"/>
      <c r="G60" s="128"/>
      <c r="H60" s="44" t="s">
        <v>445</v>
      </c>
      <c r="I60" s="128"/>
      <c r="J60" s="44" t="s">
        <v>22</v>
      </c>
      <c r="K60" s="45" t="s">
        <v>22</v>
      </c>
      <c r="L60" s="45" t="s">
        <v>445</v>
      </c>
      <c r="M60" s="131"/>
      <c r="N60" s="131"/>
      <c r="O60" s="130"/>
      <c r="P60" s="128"/>
      <c r="Q60" s="44"/>
      <c r="R60" s="128" t="s">
        <v>446</v>
      </c>
      <c r="S60" s="46"/>
      <c r="T60" s="47" t="s">
        <v>446</v>
      </c>
      <c r="U60" s="44" t="s">
        <v>22</v>
      </c>
      <c r="V60" s="128"/>
      <c r="W60" s="44" t="s">
        <v>22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89"/>
      <c r="B61" s="90"/>
      <c r="C61" s="91"/>
      <c r="D61" s="102"/>
      <c r="E61" s="220"/>
      <c r="F61" s="223"/>
      <c r="G61" s="91"/>
      <c r="H61" s="92"/>
      <c r="I61" s="91"/>
      <c r="J61" s="92"/>
      <c r="K61" s="48"/>
      <c r="L61" s="48"/>
      <c r="M61" s="49"/>
      <c r="N61" s="49"/>
      <c r="O61" s="102"/>
      <c r="P61" s="91"/>
      <c r="Q61" s="92"/>
      <c r="R61" s="91"/>
      <c r="S61" s="93"/>
      <c r="T61" s="94"/>
      <c r="U61" s="92"/>
      <c r="V61" s="91"/>
      <c r="W61" s="92"/>
      <c r="X61" s="95"/>
      <c r="Y61" s="95"/>
      <c r="Z61" s="95"/>
      <c r="AA61" s="95"/>
      <c r="AB61" s="96"/>
      <c r="AC61" s="96"/>
      <c r="AD61" s="96"/>
      <c r="AE61" s="96"/>
      <c r="AF61" s="96"/>
      <c r="AG61" s="96"/>
      <c r="AH61" s="96"/>
      <c r="AI61" s="96"/>
      <c r="AJ61" s="96"/>
      <c r="AK61" s="97"/>
      <c r="AL61" s="97"/>
      <c r="AM61" s="98"/>
    </row>
    <row r="62" spans="1:39" s="59" customFormat="1" ht="9.75" customHeight="1">
      <c r="A62" s="76"/>
      <c r="B62" s="115"/>
      <c r="C62" s="115"/>
      <c r="D62" s="115"/>
      <c r="E62" s="115"/>
      <c r="F62" s="115"/>
      <c r="G62" s="103"/>
      <c r="H62" s="104"/>
      <c r="I62" s="103"/>
      <c r="J62" s="104"/>
      <c r="K62" s="105"/>
      <c r="L62" s="105"/>
      <c r="M62" s="106"/>
      <c r="N62" s="106"/>
      <c r="O62" s="65"/>
      <c r="P62" s="103"/>
      <c r="Q62" s="104"/>
      <c r="R62" s="103"/>
      <c r="S62" s="107"/>
      <c r="T62" s="108"/>
      <c r="U62" s="104"/>
      <c r="V62" s="103"/>
      <c r="W62" s="104"/>
      <c r="X62" s="109" t="s">
        <v>1</v>
      </c>
      <c r="Y62" s="109"/>
      <c r="Z62" s="109"/>
      <c r="AA62" s="109"/>
      <c r="AB62" s="110"/>
      <c r="AC62" s="110"/>
      <c r="AD62" s="110"/>
      <c r="AE62" s="110"/>
      <c r="AF62" s="110"/>
      <c r="AG62" s="110"/>
      <c r="AH62" s="110"/>
      <c r="AI62" s="110"/>
      <c r="AJ62" s="110"/>
      <c r="AK62" s="111"/>
      <c r="AL62" s="111"/>
      <c r="AM62" s="112"/>
    </row>
    <row r="63" spans="1:39" s="59" customFormat="1" ht="9.75" customHeight="1">
      <c r="A63" s="248" t="s">
        <v>19</v>
      </c>
      <c r="B63" s="249"/>
      <c r="C63" s="250"/>
      <c r="D63" s="250"/>
      <c r="E63" s="250"/>
      <c r="F63" s="236"/>
      <c r="G63" s="52"/>
      <c r="H63" s="53" t="s">
        <v>408</v>
      </c>
      <c r="I63" s="52" t="s">
        <v>23</v>
      </c>
      <c r="J63" s="53" t="s">
        <v>409</v>
      </c>
      <c r="K63" s="54" t="s">
        <v>22</v>
      </c>
      <c r="L63" s="54" t="s">
        <v>410</v>
      </c>
      <c r="M63" s="55"/>
      <c r="N63" s="55"/>
      <c r="O63" s="56"/>
      <c r="P63" s="52"/>
      <c r="Q63" s="53"/>
      <c r="R63" s="52" t="s">
        <v>411</v>
      </c>
      <c r="S63" s="57"/>
      <c r="T63" s="58" t="s">
        <v>412</v>
      </c>
      <c r="U63" s="53" t="s">
        <v>22</v>
      </c>
      <c r="V63" s="52"/>
      <c r="W63" s="53" t="s">
        <v>413</v>
      </c>
      <c r="X63" s="60"/>
      <c r="Y63" s="60"/>
      <c r="Z63" s="60"/>
      <c r="AA63" s="60"/>
      <c r="AB63" s="61"/>
      <c r="AC63" s="61"/>
      <c r="AD63" s="61"/>
      <c r="AE63" s="61"/>
      <c r="AF63" s="61"/>
      <c r="AG63" s="61"/>
      <c r="AH63" s="61"/>
      <c r="AI63" s="61"/>
      <c r="AJ63" s="61"/>
      <c r="AK63" s="62"/>
      <c r="AL63" s="62"/>
      <c r="AM63" s="63"/>
    </row>
    <row r="64" spans="1:39" s="59" customFormat="1" ht="9.75" customHeight="1">
      <c r="A64" s="77"/>
      <c r="B64" s="116"/>
      <c r="C64" s="116"/>
      <c r="D64" s="116"/>
      <c r="E64" s="116"/>
      <c r="F64" s="116"/>
      <c r="G64" s="79"/>
      <c r="H64" s="80"/>
      <c r="I64" s="79"/>
      <c r="J64" s="80"/>
      <c r="K64" s="81"/>
      <c r="L64" s="81"/>
      <c r="M64" s="82"/>
      <c r="N64" s="82"/>
      <c r="O64" s="78"/>
      <c r="P64" s="79"/>
      <c r="Q64" s="80"/>
      <c r="R64" s="79"/>
      <c r="S64" s="83"/>
      <c r="T64" s="84"/>
      <c r="U64" s="80"/>
      <c r="V64" s="79"/>
      <c r="W64" s="80"/>
      <c r="X64" s="117"/>
      <c r="Y64" s="117"/>
      <c r="Z64" s="117"/>
      <c r="AA64" s="117"/>
      <c r="AB64" s="118"/>
      <c r="AC64" s="118"/>
      <c r="AD64" s="118"/>
      <c r="AE64" s="118"/>
      <c r="AF64" s="118"/>
      <c r="AG64" s="118"/>
      <c r="AH64" s="118"/>
      <c r="AI64" s="118"/>
      <c r="AJ64" s="118"/>
      <c r="AK64" s="119"/>
      <c r="AL64" s="119"/>
      <c r="AM64" s="120"/>
    </row>
    <row r="65" spans="1:39" ht="9.75" customHeight="1">
      <c r="A65" s="134"/>
      <c r="B65" s="135"/>
      <c r="C65" s="135"/>
      <c r="D65" s="135"/>
      <c r="E65" s="135"/>
      <c r="F65" s="135"/>
      <c r="G65" s="135"/>
      <c r="H65" s="135"/>
      <c r="I65" s="135"/>
      <c r="J65" s="135"/>
      <c r="K65" s="135"/>
      <c r="L65" s="135"/>
      <c r="M65" s="135"/>
      <c r="N65" s="135"/>
      <c r="O65" s="135"/>
      <c r="P65" s="135"/>
      <c r="Q65" s="135"/>
      <c r="R65" s="135"/>
      <c r="S65" s="135"/>
      <c r="T65" s="135"/>
      <c r="U65" s="135"/>
      <c r="V65" s="135"/>
      <c r="W65" s="135"/>
      <c r="X65" s="136"/>
      <c r="Y65" s="136"/>
      <c r="Z65" s="136"/>
      <c r="AA65" s="136"/>
      <c r="AB65" s="136"/>
      <c r="AC65" s="136"/>
      <c r="AD65" s="136"/>
      <c r="AE65" s="136"/>
      <c r="AF65" s="136"/>
      <c r="AG65" s="136"/>
      <c r="AH65" s="136"/>
      <c r="AI65" s="136"/>
      <c r="AJ65" s="136"/>
      <c r="AK65" s="136"/>
      <c r="AL65" s="136"/>
      <c r="AM65" s="137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53">
    <mergeCell ref="A63:F63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9:D31"/>
    <mergeCell ref="C29:C31"/>
    <mergeCell ref="D35:D37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5:C37"/>
    <mergeCell ref="D41:D43"/>
    <mergeCell ref="C41:C43"/>
    <mergeCell ref="D56:D58"/>
    <mergeCell ref="C56:C58"/>
    <mergeCell ref="F17:F19"/>
    <mergeCell ref="E17:E19"/>
    <mergeCell ref="F32:F34"/>
    <mergeCell ref="E32:E34"/>
    <mergeCell ref="F38:F40"/>
    <mergeCell ref="E38:E40"/>
    <mergeCell ref="F59:F61"/>
    <mergeCell ref="E59:E61"/>
    <mergeCell ref="O20:O22"/>
    <mergeCell ref="N20:N22"/>
    <mergeCell ref="O23:O25"/>
    <mergeCell ref="N23:N25"/>
    <mergeCell ref="O26:O28"/>
    <mergeCell ref="N26:N28"/>
    <mergeCell ref="O53:O55"/>
    <mergeCell ref="N53:N55"/>
    <mergeCell ref="F44:F46"/>
    <mergeCell ref="E44:E46"/>
    <mergeCell ref="F47:F49"/>
    <mergeCell ref="E47:E49"/>
    <mergeCell ref="F50:F52"/>
    <mergeCell ref="E50:E52"/>
  </mergeCells>
  <phoneticPr fontId="1"/>
  <pageMargins left="0.43307086614173229" right="0.39370078740157483" top="0.19685039370078741" bottom="0" header="0.19685039370078741" footer="0.19685039370078741"/>
  <pageSetup paperSize="9" firstPageNumber="284" pageOrder="overThenDown" orientation="portrait" useFirstPageNumber="1" r:id="rId1"/>
  <headerFooter>
    <oddFooter>&amp;C- &amp;P -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607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125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8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20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2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93" t="s">
        <v>126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127</v>
      </c>
      <c r="I12" s="52" t="s">
        <v>23</v>
      </c>
      <c r="J12" s="53" t="s">
        <v>128</v>
      </c>
      <c r="K12" s="54" t="s">
        <v>22</v>
      </c>
      <c r="L12" s="54" t="s">
        <v>129</v>
      </c>
      <c r="M12" s="55"/>
      <c r="N12" s="55"/>
      <c r="O12" s="56"/>
      <c r="P12" s="52"/>
      <c r="Q12" s="53"/>
      <c r="R12" s="52" t="s">
        <v>130</v>
      </c>
      <c r="S12" s="57"/>
      <c r="T12" s="58" t="s">
        <v>130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52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131</v>
      </c>
      <c r="I15" s="43" t="s">
        <v>23</v>
      </c>
      <c r="J15" s="44" t="s">
        <v>132</v>
      </c>
      <c r="K15" s="45" t="s">
        <v>22</v>
      </c>
      <c r="L15" s="45" t="s">
        <v>133</v>
      </c>
      <c r="M15" s="42"/>
      <c r="N15" s="42"/>
      <c r="O15" s="64"/>
      <c r="P15" s="43"/>
      <c r="Q15" s="44"/>
      <c r="R15" s="43" t="s">
        <v>134</v>
      </c>
      <c r="S15" s="46"/>
      <c r="T15" s="47" t="s">
        <v>134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53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131</v>
      </c>
      <c r="I18" s="43" t="s">
        <v>23</v>
      </c>
      <c r="J18" s="44" t="s">
        <v>132</v>
      </c>
      <c r="K18" s="45" t="s">
        <v>22</v>
      </c>
      <c r="L18" s="45" t="s">
        <v>133</v>
      </c>
      <c r="M18" s="42"/>
      <c r="N18" s="42"/>
      <c r="O18" s="64"/>
      <c r="P18" s="43"/>
      <c r="Q18" s="44"/>
      <c r="R18" s="43" t="s">
        <v>134</v>
      </c>
      <c r="S18" s="46"/>
      <c r="T18" s="47" t="s">
        <v>134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5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133</v>
      </c>
      <c r="R21" s="43" t="s">
        <v>134</v>
      </c>
      <c r="S21" s="46"/>
      <c r="T21" s="47" t="s">
        <v>134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66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135</v>
      </c>
      <c r="I24" s="43" t="s">
        <v>23</v>
      </c>
      <c r="J24" s="44" t="s">
        <v>136</v>
      </c>
      <c r="K24" s="45" t="s">
        <v>22</v>
      </c>
      <c r="L24" s="45" t="s">
        <v>137</v>
      </c>
      <c r="M24" s="42"/>
      <c r="N24" s="42"/>
      <c r="O24" s="41"/>
      <c r="P24" s="43"/>
      <c r="Q24" s="44"/>
      <c r="R24" s="43" t="s">
        <v>138</v>
      </c>
      <c r="S24" s="46"/>
      <c r="T24" s="47" t="s">
        <v>138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30" t="s">
        <v>571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139</v>
      </c>
      <c r="I27" s="43" t="s">
        <v>23</v>
      </c>
      <c r="J27" s="44" t="s">
        <v>140</v>
      </c>
      <c r="K27" s="45" t="s">
        <v>22</v>
      </c>
      <c r="L27" s="45" t="s">
        <v>141</v>
      </c>
      <c r="M27" s="42"/>
      <c r="N27" s="42"/>
      <c r="O27" s="64"/>
      <c r="P27" s="43"/>
      <c r="Q27" s="44"/>
      <c r="R27" s="43" t="s">
        <v>142</v>
      </c>
      <c r="S27" s="46"/>
      <c r="T27" s="47" t="s">
        <v>142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43"/>
      <c r="D28" s="64"/>
      <c r="E28" s="220"/>
      <c r="F28" s="223"/>
      <c r="G28" s="43"/>
      <c r="H28" s="44"/>
      <c r="I28" s="43"/>
      <c r="J28" s="44"/>
      <c r="K28" s="45"/>
      <c r="L28" s="45"/>
      <c r="M28" s="42"/>
      <c r="N28" s="42"/>
      <c r="O28" s="64"/>
      <c r="P28" s="43"/>
      <c r="Q28" s="44"/>
      <c r="R28" s="43"/>
      <c r="S28" s="46"/>
      <c r="T28" s="47"/>
      <c r="U28" s="44"/>
      <c r="V28" s="43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50"/>
      <c r="B29" s="51"/>
      <c r="C29" s="43"/>
      <c r="D29" s="64"/>
      <c r="E29" s="218" t="s">
        <v>25</v>
      </c>
      <c r="F29" s="230" t="s">
        <v>568</v>
      </c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43"/>
      <c r="D30" s="64"/>
      <c r="E30" s="219"/>
      <c r="F30" s="222"/>
      <c r="G30" s="43"/>
      <c r="H30" s="44" t="s">
        <v>143</v>
      </c>
      <c r="I30" s="43" t="s">
        <v>23</v>
      </c>
      <c r="J30" s="44" t="s">
        <v>144</v>
      </c>
      <c r="K30" s="45" t="s">
        <v>22</v>
      </c>
      <c r="L30" s="45" t="s">
        <v>145</v>
      </c>
      <c r="M30" s="42"/>
      <c r="N30" s="42"/>
      <c r="O30" s="41"/>
      <c r="P30" s="43"/>
      <c r="Q30" s="44"/>
      <c r="R30" s="43" t="s">
        <v>146</v>
      </c>
      <c r="S30" s="46"/>
      <c r="T30" s="47" t="s">
        <v>146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43"/>
      <c r="D31" s="64"/>
      <c r="E31" s="219"/>
      <c r="F31" s="222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43"/>
      <c r="F32" s="64"/>
      <c r="G32" s="43"/>
      <c r="H32" s="44"/>
      <c r="I32" s="43"/>
      <c r="J32" s="44"/>
      <c r="K32" s="45"/>
      <c r="L32" s="45"/>
      <c r="M32" s="42"/>
      <c r="N32" s="227" t="s">
        <v>21</v>
      </c>
      <c r="O32" s="224" t="s">
        <v>608</v>
      </c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43"/>
      <c r="F33" s="64"/>
      <c r="G33" s="43"/>
      <c r="H33" s="44"/>
      <c r="I33" s="43"/>
      <c r="J33" s="44"/>
      <c r="K33" s="45"/>
      <c r="L33" s="45"/>
      <c r="M33" s="42"/>
      <c r="N33" s="228"/>
      <c r="O33" s="225"/>
      <c r="P33" s="43"/>
      <c r="Q33" s="44" t="s">
        <v>147</v>
      </c>
      <c r="R33" s="43" t="s">
        <v>148</v>
      </c>
      <c r="S33" s="46"/>
      <c r="T33" s="47" t="s">
        <v>148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43"/>
      <c r="D34" s="64"/>
      <c r="E34" s="43"/>
      <c r="F34" s="64"/>
      <c r="G34" s="43"/>
      <c r="H34" s="44"/>
      <c r="I34" s="43"/>
      <c r="J34" s="44"/>
      <c r="K34" s="45"/>
      <c r="L34" s="45"/>
      <c r="M34" s="42"/>
      <c r="N34" s="229"/>
      <c r="O34" s="226"/>
      <c r="P34" s="43"/>
      <c r="Q34" s="44"/>
      <c r="R34" s="43"/>
      <c r="S34" s="46"/>
      <c r="T34" s="47"/>
      <c r="U34" s="44"/>
      <c r="V34" s="43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40"/>
      <c r="B35" s="41"/>
      <c r="C35" s="43"/>
      <c r="D35" s="41"/>
      <c r="E35" s="43"/>
      <c r="F35" s="64"/>
      <c r="G35" s="43"/>
      <c r="H35" s="44"/>
      <c r="I35" s="43"/>
      <c r="J35" s="44"/>
      <c r="K35" s="45"/>
      <c r="L35" s="45"/>
      <c r="M35" s="42"/>
      <c r="N35" s="227" t="s">
        <v>25</v>
      </c>
      <c r="O35" s="297" t="s">
        <v>609</v>
      </c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40"/>
      <c r="B36" s="41"/>
      <c r="C36" s="43"/>
      <c r="D36" s="41"/>
      <c r="E36" s="43"/>
      <c r="F36" s="64"/>
      <c r="G36" s="43"/>
      <c r="H36" s="44"/>
      <c r="I36" s="43"/>
      <c r="J36" s="44"/>
      <c r="K36" s="45"/>
      <c r="L36" s="45"/>
      <c r="M36" s="42"/>
      <c r="N36" s="228"/>
      <c r="O36" s="298"/>
      <c r="P36" s="43"/>
      <c r="Q36" s="44" t="s">
        <v>149</v>
      </c>
      <c r="R36" s="43" t="s">
        <v>150</v>
      </c>
      <c r="S36" s="46"/>
      <c r="T36" s="47" t="s">
        <v>150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40"/>
      <c r="B37" s="41"/>
      <c r="C37" s="43"/>
      <c r="D37" s="41"/>
      <c r="E37" s="43"/>
      <c r="F37" s="64"/>
      <c r="G37" s="43"/>
      <c r="H37" s="44"/>
      <c r="I37" s="43"/>
      <c r="J37" s="44"/>
      <c r="K37" s="45"/>
      <c r="L37" s="45"/>
      <c r="M37" s="42"/>
      <c r="N37" s="229"/>
      <c r="O37" s="299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40"/>
      <c r="B38" s="41"/>
      <c r="C38" s="43"/>
      <c r="D38" s="41"/>
      <c r="E38" s="43"/>
      <c r="F38" s="41"/>
      <c r="G38" s="43"/>
      <c r="H38" s="44"/>
      <c r="I38" s="43"/>
      <c r="J38" s="44"/>
      <c r="K38" s="45"/>
      <c r="L38" s="45"/>
      <c r="M38" s="42"/>
      <c r="N38" s="227" t="s">
        <v>26</v>
      </c>
      <c r="O38" s="224" t="s">
        <v>610</v>
      </c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43"/>
      <c r="D39" s="41"/>
      <c r="E39" s="43"/>
      <c r="F39" s="41"/>
      <c r="G39" s="43"/>
      <c r="H39" s="44"/>
      <c r="I39" s="43"/>
      <c r="J39" s="44"/>
      <c r="K39" s="45"/>
      <c r="L39" s="45"/>
      <c r="M39" s="42"/>
      <c r="N39" s="228"/>
      <c r="O39" s="225"/>
      <c r="P39" s="43"/>
      <c r="Q39" s="44" t="s">
        <v>151</v>
      </c>
      <c r="R39" s="43" t="s">
        <v>152</v>
      </c>
      <c r="S39" s="46"/>
      <c r="T39" s="47" t="s">
        <v>152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40"/>
      <c r="B40" s="41"/>
      <c r="C40" s="43"/>
      <c r="D40" s="41"/>
      <c r="E40" s="43"/>
      <c r="F40" s="41"/>
      <c r="G40" s="43"/>
      <c r="H40" s="44"/>
      <c r="I40" s="43"/>
      <c r="J40" s="44"/>
      <c r="K40" s="45"/>
      <c r="L40" s="45"/>
      <c r="M40" s="42"/>
      <c r="N40" s="229"/>
      <c r="O40" s="226"/>
      <c r="P40" s="43"/>
      <c r="Q40" s="44"/>
      <c r="R40" s="43"/>
      <c r="S40" s="46"/>
      <c r="T40" s="47"/>
      <c r="U40" s="44"/>
      <c r="V40" s="43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40"/>
      <c r="B41" s="41"/>
      <c r="C41" s="43"/>
      <c r="D41" s="41"/>
      <c r="E41" s="43"/>
      <c r="F41" s="41"/>
      <c r="G41" s="43"/>
      <c r="H41" s="44"/>
      <c r="I41" s="43"/>
      <c r="J41" s="44"/>
      <c r="K41" s="45"/>
      <c r="L41" s="45"/>
      <c r="M41" s="42"/>
      <c r="N41" s="227" t="s">
        <v>31</v>
      </c>
      <c r="O41" s="224" t="s">
        <v>611</v>
      </c>
      <c r="P41" s="66"/>
      <c r="Q41" s="69"/>
      <c r="R41" s="66"/>
      <c r="S41" s="72"/>
      <c r="T41" s="73"/>
      <c r="U41" s="69"/>
      <c r="V41" s="66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40"/>
      <c r="B42" s="41"/>
      <c r="C42" s="43"/>
      <c r="D42" s="41"/>
      <c r="E42" s="43"/>
      <c r="F42" s="41"/>
      <c r="G42" s="43"/>
      <c r="H42" s="44"/>
      <c r="I42" s="43"/>
      <c r="J42" s="44"/>
      <c r="K42" s="45"/>
      <c r="L42" s="45"/>
      <c r="M42" s="42"/>
      <c r="N42" s="228"/>
      <c r="O42" s="225"/>
      <c r="P42" s="43"/>
      <c r="Q42" s="44" t="s">
        <v>153</v>
      </c>
      <c r="R42" s="43" t="s">
        <v>154</v>
      </c>
      <c r="S42" s="46"/>
      <c r="T42" s="47" t="s">
        <v>154</v>
      </c>
      <c r="U42" s="44" t="s">
        <v>22</v>
      </c>
      <c r="V42" s="43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43"/>
      <c r="D43" s="41"/>
      <c r="E43" s="43"/>
      <c r="F43" s="41"/>
      <c r="G43" s="43"/>
      <c r="H43" s="44"/>
      <c r="I43" s="43"/>
      <c r="J43" s="44"/>
      <c r="K43" s="45"/>
      <c r="L43" s="45"/>
      <c r="M43" s="42"/>
      <c r="N43" s="229"/>
      <c r="O43" s="226"/>
      <c r="P43" s="43"/>
      <c r="Q43" s="44"/>
      <c r="R43" s="43"/>
      <c r="S43" s="46"/>
      <c r="T43" s="47"/>
      <c r="U43" s="44"/>
      <c r="V43" s="43"/>
      <c r="W43" s="44"/>
      <c r="X43" s="33"/>
      <c r="Y43" s="33"/>
      <c r="Z43" s="33"/>
      <c r="AA43" s="33"/>
      <c r="AB43" s="34"/>
      <c r="AC43" s="34"/>
      <c r="AD43" s="34"/>
      <c r="AE43" s="34"/>
      <c r="AF43" s="34"/>
      <c r="AG43" s="34"/>
      <c r="AH43" s="34"/>
      <c r="AI43" s="34"/>
      <c r="AJ43" s="34"/>
      <c r="AK43" s="35"/>
      <c r="AL43" s="35"/>
      <c r="AM43" s="36"/>
    </row>
    <row r="44" spans="1:39" s="59" customFormat="1" ht="9.75" customHeight="1">
      <c r="A44" s="50"/>
      <c r="B44" s="51"/>
      <c r="C44" s="43"/>
      <c r="D44" s="64"/>
      <c r="E44" s="218" t="s">
        <v>26</v>
      </c>
      <c r="F44" s="221" t="s">
        <v>78</v>
      </c>
      <c r="G44" s="66"/>
      <c r="H44" s="69"/>
      <c r="I44" s="66"/>
      <c r="J44" s="69"/>
      <c r="K44" s="70"/>
      <c r="L44" s="70"/>
      <c r="M44" s="71"/>
      <c r="N44" s="71"/>
      <c r="O44" s="68"/>
      <c r="P44" s="66"/>
      <c r="Q44" s="69"/>
      <c r="R44" s="66"/>
      <c r="S44" s="72"/>
      <c r="T44" s="73"/>
      <c r="U44" s="69"/>
      <c r="V44" s="66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50"/>
      <c r="B45" s="51"/>
      <c r="C45" s="43"/>
      <c r="D45" s="64"/>
      <c r="E45" s="219"/>
      <c r="F45" s="222"/>
      <c r="G45" s="43"/>
      <c r="H45" s="44" t="s">
        <v>155</v>
      </c>
      <c r="I45" s="43" t="s">
        <v>23</v>
      </c>
      <c r="J45" s="44" t="s">
        <v>132</v>
      </c>
      <c r="K45" s="45" t="s">
        <v>22</v>
      </c>
      <c r="L45" s="45" t="s">
        <v>156</v>
      </c>
      <c r="M45" s="42"/>
      <c r="N45" s="42"/>
      <c r="O45" s="41"/>
      <c r="P45" s="43"/>
      <c r="Q45" s="44"/>
      <c r="R45" s="43" t="s">
        <v>157</v>
      </c>
      <c r="S45" s="46"/>
      <c r="T45" s="47" t="s">
        <v>157</v>
      </c>
      <c r="U45" s="44" t="s">
        <v>22</v>
      </c>
      <c r="V45" s="43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50"/>
      <c r="B46" s="51"/>
      <c r="C46" s="43"/>
      <c r="D46" s="64"/>
      <c r="E46" s="219"/>
      <c r="F46" s="222"/>
      <c r="G46" s="43"/>
      <c r="H46" s="44"/>
      <c r="I46" s="43"/>
      <c r="J46" s="44"/>
      <c r="K46" s="45"/>
      <c r="L46" s="45"/>
      <c r="M46" s="42"/>
      <c r="N46" s="42"/>
      <c r="O46" s="41"/>
      <c r="P46" s="43"/>
      <c r="Q46" s="44"/>
      <c r="R46" s="43"/>
      <c r="S46" s="46"/>
      <c r="T46" s="47"/>
      <c r="U46" s="44"/>
      <c r="V46" s="43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50"/>
      <c r="B47" s="56"/>
      <c r="C47" s="43"/>
      <c r="D47" s="64"/>
      <c r="E47" s="43"/>
      <c r="F47" s="64"/>
      <c r="G47" s="43"/>
      <c r="H47" s="44"/>
      <c r="I47" s="43"/>
      <c r="J47" s="44"/>
      <c r="K47" s="45"/>
      <c r="L47" s="45"/>
      <c r="M47" s="42"/>
      <c r="N47" s="227" t="s">
        <v>21</v>
      </c>
      <c r="O47" s="230" t="s">
        <v>570</v>
      </c>
      <c r="P47" s="66"/>
      <c r="Q47" s="69"/>
      <c r="R47" s="66"/>
      <c r="S47" s="72"/>
      <c r="T47" s="73"/>
      <c r="U47" s="69"/>
      <c r="V47" s="66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43"/>
      <c r="D48" s="64"/>
      <c r="E48" s="43"/>
      <c r="F48" s="64"/>
      <c r="G48" s="43"/>
      <c r="H48" s="44"/>
      <c r="I48" s="43"/>
      <c r="J48" s="44"/>
      <c r="K48" s="45"/>
      <c r="L48" s="45"/>
      <c r="M48" s="42"/>
      <c r="N48" s="228"/>
      <c r="O48" s="222"/>
      <c r="P48" s="43"/>
      <c r="Q48" s="44" t="s">
        <v>156</v>
      </c>
      <c r="R48" s="43" t="s">
        <v>157</v>
      </c>
      <c r="S48" s="46"/>
      <c r="T48" s="47" t="s">
        <v>157</v>
      </c>
      <c r="U48" s="44" t="s">
        <v>22</v>
      </c>
      <c r="V48" s="43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91"/>
      <c r="D49" s="102"/>
      <c r="E49" s="91"/>
      <c r="F49" s="102"/>
      <c r="G49" s="91"/>
      <c r="H49" s="92"/>
      <c r="I49" s="91"/>
      <c r="J49" s="92"/>
      <c r="K49" s="48"/>
      <c r="L49" s="48"/>
      <c r="M49" s="49"/>
      <c r="N49" s="229"/>
      <c r="O49" s="223"/>
      <c r="P49" s="91"/>
      <c r="Q49" s="92"/>
      <c r="R49" s="91"/>
      <c r="S49" s="93"/>
      <c r="T49" s="94"/>
      <c r="U49" s="92"/>
      <c r="V49" s="91"/>
      <c r="W49" s="92"/>
      <c r="X49" s="95"/>
      <c r="Y49" s="95"/>
      <c r="Z49" s="95"/>
      <c r="AA49" s="95"/>
      <c r="AB49" s="96"/>
      <c r="AC49" s="96"/>
      <c r="AD49" s="96"/>
      <c r="AE49" s="96"/>
      <c r="AF49" s="96"/>
      <c r="AG49" s="96"/>
      <c r="AH49" s="96"/>
      <c r="AI49" s="96"/>
      <c r="AJ49" s="96"/>
      <c r="AK49" s="97"/>
      <c r="AL49" s="97"/>
      <c r="AM49" s="98"/>
    </row>
    <row r="50" spans="1:39" s="59" customFormat="1" ht="9.75" customHeight="1">
      <c r="A50" s="50"/>
      <c r="B50" s="51"/>
      <c r="C50" s="218" t="s">
        <v>26</v>
      </c>
      <c r="D50" s="221" t="s">
        <v>101</v>
      </c>
      <c r="E50" s="66"/>
      <c r="F50" s="67"/>
      <c r="G50" s="66"/>
      <c r="H50" s="69"/>
      <c r="I50" s="66"/>
      <c r="J50" s="69"/>
      <c r="K50" s="70"/>
      <c r="L50" s="70"/>
      <c r="M50" s="71"/>
      <c r="N50" s="71"/>
      <c r="O50" s="68"/>
      <c r="P50" s="66"/>
      <c r="Q50" s="69"/>
      <c r="R50" s="66"/>
      <c r="S50" s="72"/>
      <c r="T50" s="73"/>
      <c r="U50" s="69"/>
      <c r="V50" s="66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50"/>
      <c r="B51" s="51"/>
      <c r="C51" s="219"/>
      <c r="D51" s="222"/>
      <c r="E51" s="43"/>
      <c r="F51" s="64"/>
      <c r="G51" s="43"/>
      <c r="H51" s="44" t="s">
        <v>158</v>
      </c>
      <c r="I51" s="43"/>
      <c r="J51" s="44" t="s">
        <v>22</v>
      </c>
      <c r="K51" s="45" t="s">
        <v>22</v>
      </c>
      <c r="L51" s="45" t="s">
        <v>158</v>
      </c>
      <c r="M51" s="42"/>
      <c r="N51" s="42"/>
      <c r="O51" s="41"/>
      <c r="P51" s="43"/>
      <c r="Q51" s="44"/>
      <c r="R51" s="43" t="s">
        <v>158</v>
      </c>
      <c r="S51" s="46"/>
      <c r="T51" s="47" t="s">
        <v>158</v>
      </c>
      <c r="U51" s="44" t="s">
        <v>22</v>
      </c>
      <c r="V51" s="43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50"/>
      <c r="B52" s="51"/>
      <c r="C52" s="219"/>
      <c r="D52" s="222"/>
      <c r="E52" s="43"/>
      <c r="F52" s="64"/>
      <c r="G52" s="43"/>
      <c r="H52" s="44"/>
      <c r="I52" s="43"/>
      <c r="J52" s="44"/>
      <c r="K52" s="45"/>
      <c r="L52" s="45"/>
      <c r="M52" s="42"/>
      <c r="N52" s="42"/>
      <c r="O52" s="41"/>
      <c r="P52" s="43"/>
      <c r="Q52" s="44"/>
      <c r="R52" s="43"/>
      <c r="S52" s="46"/>
      <c r="T52" s="47"/>
      <c r="U52" s="44"/>
      <c r="V52" s="43"/>
      <c r="W52" s="44"/>
      <c r="X52" s="33"/>
      <c r="Y52" s="33"/>
      <c r="Z52" s="33"/>
      <c r="AA52" s="33"/>
      <c r="AB52" s="34"/>
      <c r="AC52" s="34"/>
      <c r="AD52" s="34"/>
      <c r="AE52" s="34"/>
      <c r="AF52" s="34"/>
      <c r="AG52" s="34"/>
      <c r="AH52" s="34"/>
      <c r="AI52" s="34"/>
      <c r="AJ52" s="34"/>
      <c r="AK52" s="35"/>
      <c r="AL52" s="35"/>
      <c r="AM52" s="36"/>
    </row>
    <row r="53" spans="1:39" s="59" customFormat="1" ht="9.75" customHeight="1">
      <c r="A53" s="50"/>
      <c r="B53" s="56"/>
      <c r="C53" s="43"/>
      <c r="D53" s="64"/>
      <c r="E53" s="218" t="s">
        <v>21</v>
      </c>
      <c r="F53" s="221" t="s">
        <v>159</v>
      </c>
      <c r="G53" s="66"/>
      <c r="H53" s="69"/>
      <c r="I53" s="66"/>
      <c r="J53" s="69"/>
      <c r="K53" s="70"/>
      <c r="L53" s="70"/>
      <c r="M53" s="71"/>
      <c r="N53" s="71"/>
      <c r="O53" s="67"/>
      <c r="P53" s="66"/>
      <c r="Q53" s="69"/>
      <c r="R53" s="66"/>
      <c r="S53" s="72"/>
      <c r="T53" s="73"/>
      <c r="U53" s="69"/>
      <c r="V53" s="66"/>
      <c r="W53" s="69"/>
      <c r="X53" s="74" t="s">
        <v>1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/>
    </row>
    <row r="54" spans="1:39" s="59" customFormat="1" ht="9.75" customHeight="1">
      <c r="A54" s="40"/>
      <c r="B54" s="41"/>
      <c r="C54" s="43"/>
      <c r="D54" s="64"/>
      <c r="E54" s="219"/>
      <c r="F54" s="222"/>
      <c r="G54" s="43"/>
      <c r="H54" s="44" t="s">
        <v>158</v>
      </c>
      <c r="I54" s="43"/>
      <c r="J54" s="44" t="s">
        <v>22</v>
      </c>
      <c r="K54" s="45" t="s">
        <v>22</v>
      </c>
      <c r="L54" s="45" t="s">
        <v>158</v>
      </c>
      <c r="M54" s="42"/>
      <c r="N54" s="42"/>
      <c r="O54" s="64"/>
      <c r="P54" s="43"/>
      <c r="Q54" s="44"/>
      <c r="R54" s="43" t="s">
        <v>158</v>
      </c>
      <c r="S54" s="46"/>
      <c r="T54" s="47" t="s">
        <v>158</v>
      </c>
      <c r="U54" s="44" t="s">
        <v>22</v>
      </c>
      <c r="V54" s="43"/>
      <c r="W54" s="44" t="s">
        <v>22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40"/>
      <c r="B55" s="41"/>
      <c r="C55" s="43"/>
      <c r="D55" s="64"/>
      <c r="E55" s="219"/>
      <c r="F55" s="222"/>
      <c r="G55" s="43"/>
      <c r="H55" s="44"/>
      <c r="I55" s="43"/>
      <c r="J55" s="44"/>
      <c r="K55" s="45"/>
      <c r="L55" s="45"/>
      <c r="M55" s="42"/>
      <c r="N55" s="42"/>
      <c r="O55" s="64"/>
      <c r="P55" s="43"/>
      <c r="Q55" s="44"/>
      <c r="R55" s="43"/>
      <c r="S55" s="46"/>
      <c r="T55" s="47"/>
      <c r="U55" s="44"/>
      <c r="V55" s="43"/>
      <c r="W55" s="44"/>
      <c r="X55" s="33"/>
      <c r="Y55" s="33"/>
      <c r="Z55" s="33"/>
      <c r="AA55" s="33"/>
      <c r="AB55" s="34"/>
      <c r="AC55" s="34"/>
      <c r="AD55" s="34"/>
      <c r="AE55" s="34"/>
      <c r="AF55" s="34"/>
      <c r="AG55" s="34"/>
      <c r="AH55" s="34"/>
      <c r="AI55" s="34"/>
      <c r="AJ55" s="34"/>
      <c r="AK55" s="35"/>
      <c r="AL55" s="35"/>
      <c r="AM55" s="36"/>
    </row>
    <row r="56" spans="1:39" s="59" customFormat="1" ht="9.75" customHeight="1">
      <c r="A56" s="40"/>
      <c r="B56" s="41"/>
      <c r="C56" s="43"/>
      <c r="D56" s="41"/>
      <c r="E56" s="43"/>
      <c r="F56" s="64"/>
      <c r="G56" s="43"/>
      <c r="H56" s="44"/>
      <c r="I56" s="43"/>
      <c r="J56" s="44"/>
      <c r="K56" s="45"/>
      <c r="L56" s="45"/>
      <c r="M56" s="42"/>
      <c r="N56" s="227" t="s">
        <v>21</v>
      </c>
      <c r="O56" s="230" t="s">
        <v>573</v>
      </c>
      <c r="P56" s="66"/>
      <c r="Q56" s="69"/>
      <c r="R56" s="66"/>
      <c r="S56" s="72"/>
      <c r="T56" s="73"/>
      <c r="U56" s="69"/>
      <c r="V56" s="66"/>
      <c r="W56" s="69"/>
      <c r="X56" s="74" t="s">
        <v>1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/>
    </row>
    <row r="57" spans="1:39" s="59" customFormat="1" ht="9.75" customHeight="1">
      <c r="A57" s="40"/>
      <c r="B57" s="41"/>
      <c r="C57" s="43"/>
      <c r="D57" s="41"/>
      <c r="E57" s="43"/>
      <c r="F57" s="64"/>
      <c r="G57" s="43"/>
      <c r="H57" s="44"/>
      <c r="I57" s="43"/>
      <c r="J57" s="44"/>
      <c r="K57" s="45"/>
      <c r="L57" s="45"/>
      <c r="M57" s="42"/>
      <c r="N57" s="228"/>
      <c r="O57" s="222"/>
      <c r="P57" s="43"/>
      <c r="Q57" s="44" t="s">
        <v>160</v>
      </c>
      <c r="R57" s="43" t="s">
        <v>160</v>
      </c>
      <c r="S57" s="46"/>
      <c r="T57" s="47" t="s">
        <v>160</v>
      </c>
      <c r="U57" s="44" t="s">
        <v>22</v>
      </c>
      <c r="V57" s="43"/>
      <c r="W57" s="44" t="s">
        <v>22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40"/>
      <c r="B58" s="41"/>
      <c r="C58" s="43"/>
      <c r="D58" s="41"/>
      <c r="E58" s="43"/>
      <c r="F58" s="64"/>
      <c r="G58" s="43"/>
      <c r="H58" s="44"/>
      <c r="I58" s="43"/>
      <c r="J58" s="44"/>
      <c r="K58" s="45"/>
      <c r="L58" s="45"/>
      <c r="M58" s="42"/>
      <c r="N58" s="229"/>
      <c r="O58" s="223"/>
      <c r="P58" s="43"/>
      <c r="Q58" s="44"/>
      <c r="R58" s="43"/>
      <c r="S58" s="46"/>
      <c r="T58" s="47"/>
      <c r="U58" s="44"/>
      <c r="V58" s="43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40"/>
      <c r="B59" s="41"/>
      <c r="C59" s="43"/>
      <c r="D59" s="41"/>
      <c r="E59" s="43"/>
      <c r="F59" s="41"/>
      <c r="G59" s="43"/>
      <c r="H59" s="44"/>
      <c r="I59" s="43"/>
      <c r="J59" s="44"/>
      <c r="K59" s="45"/>
      <c r="L59" s="45"/>
      <c r="M59" s="42"/>
      <c r="N59" s="227" t="s">
        <v>25</v>
      </c>
      <c r="O59" s="224" t="s">
        <v>612</v>
      </c>
      <c r="P59" s="66"/>
      <c r="Q59" s="69"/>
      <c r="R59" s="66"/>
      <c r="S59" s="72"/>
      <c r="T59" s="73"/>
      <c r="U59" s="69"/>
      <c r="V59" s="66"/>
      <c r="W59" s="69"/>
      <c r="X59" s="74" t="s">
        <v>1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/>
    </row>
    <row r="60" spans="1:39" s="59" customFormat="1" ht="9.75" customHeight="1">
      <c r="A60" s="40"/>
      <c r="B60" s="41"/>
      <c r="C60" s="43"/>
      <c r="D60" s="41"/>
      <c r="E60" s="43"/>
      <c r="F60" s="41"/>
      <c r="G60" s="43"/>
      <c r="H60" s="44"/>
      <c r="I60" s="43"/>
      <c r="J60" s="44"/>
      <c r="K60" s="45"/>
      <c r="L60" s="45"/>
      <c r="M60" s="42"/>
      <c r="N60" s="228"/>
      <c r="O60" s="225"/>
      <c r="P60" s="43"/>
      <c r="Q60" s="44" t="s">
        <v>161</v>
      </c>
      <c r="R60" s="43" t="s">
        <v>161</v>
      </c>
      <c r="S60" s="46"/>
      <c r="T60" s="47" t="s">
        <v>161</v>
      </c>
      <c r="U60" s="44" t="s">
        <v>22</v>
      </c>
      <c r="V60" s="43"/>
      <c r="W60" s="44" t="s">
        <v>22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40"/>
      <c r="B61" s="41"/>
      <c r="C61" s="43"/>
      <c r="D61" s="41"/>
      <c r="E61" s="43"/>
      <c r="F61" s="41"/>
      <c r="G61" s="43"/>
      <c r="H61" s="44"/>
      <c r="I61" s="43"/>
      <c r="J61" s="44"/>
      <c r="K61" s="45"/>
      <c r="L61" s="45"/>
      <c r="M61" s="42"/>
      <c r="N61" s="229"/>
      <c r="O61" s="226"/>
      <c r="P61" s="43"/>
      <c r="Q61" s="44"/>
      <c r="R61" s="43"/>
      <c r="S61" s="46"/>
      <c r="T61" s="47"/>
      <c r="U61" s="44"/>
      <c r="V61" s="43"/>
      <c r="W61" s="44"/>
      <c r="X61" s="33"/>
      <c r="Y61" s="33"/>
      <c r="Z61" s="33"/>
      <c r="AA61" s="33"/>
      <c r="AB61" s="34"/>
      <c r="AC61" s="34"/>
      <c r="AD61" s="34"/>
      <c r="AE61" s="34"/>
      <c r="AF61" s="34"/>
      <c r="AG61" s="34"/>
      <c r="AH61" s="34"/>
      <c r="AI61" s="34"/>
      <c r="AJ61" s="34"/>
      <c r="AK61" s="35"/>
      <c r="AL61" s="35"/>
      <c r="AM61" s="36"/>
    </row>
    <row r="62" spans="1:39" s="59" customFormat="1" ht="9.75" customHeight="1">
      <c r="A62" s="40"/>
      <c r="B62" s="41"/>
      <c r="C62" s="43"/>
      <c r="D62" s="41"/>
      <c r="E62" s="43"/>
      <c r="F62" s="41"/>
      <c r="G62" s="43"/>
      <c r="H62" s="44"/>
      <c r="I62" s="43"/>
      <c r="J62" s="44"/>
      <c r="K62" s="45"/>
      <c r="L62" s="45"/>
      <c r="M62" s="42"/>
      <c r="N62" s="227" t="s">
        <v>26</v>
      </c>
      <c r="O62" s="224" t="s">
        <v>613</v>
      </c>
      <c r="P62" s="66"/>
      <c r="Q62" s="69"/>
      <c r="R62" s="66"/>
      <c r="S62" s="72"/>
      <c r="T62" s="73"/>
      <c r="U62" s="69"/>
      <c r="V62" s="66"/>
      <c r="W62" s="69"/>
      <c r="X62" s="74" t="s">
        <v>1</v>
      </c>
      <c r="Y62" s="74"/>
      <c r="Z62" s="74"/>
      <c r="AA62" s="74"/>
      <c r="AB62" s="75"/>
      <c r="AC62" s="75"/>
      <c r="AD62" s="75"/>
      <c r="AE62" s="75"/>
      <c r="AF62" s="75"/>
      <c r="AG62" s="75"/>
      <c r="AH62" s="75"/>
      <c r="AI62" s="75"/>
      <c r="AJ62" s="75"/>
      <c r="AK62" s="25"/>
      <c r="AL62" s="25"/>
      <c r="AM62" s="32"/>
    </row>
    <row r="63" spans="1:39" s="59" customFormat="1" ht="9.75" customHeight="1">
      <c r="A63" s="40"/>
      <c r="B63" s="41"/>
      <c r="C63" s="43"/>
      <c r="D63" s="41"/>
      <c r="E63" s="43"/>
      <c r="F63" s="41"/>
      <c r="G63" s="43"/>
      <c r="H63" s="44"/>
      <c r="I63" s="43"/>
      <c r="J63" s="44"/>
      <c r="K63" s="45"/>
      <c r="L63" s="45"/>
      <c r="M63" s="42"/>
      <c r="N63" s="228"/>
      <c r="O63" s="225"/>
      <c r="P63" s="43"/>
      <c r="Q63" s="44" t="s">
        <v>162</v>
      </c>
      <c r="R63" s="43" t="s">
        <v>162</v>
      </c>
      <c r="S63" s="46"/>
      <c r="T63" s="47" t="s">
        <v>162</v>
      </c>
      <c r="U63" s="44" t="s">
        <v>22</v>
      </c>
      <c r="V63" s="43"/>
      <c r="W63" s="44" t="s">
        <v>22</v>
      </c>
      <c r="X63" s="33"/>
      <c r="Y63" s="33"/>
      <c r="Z63" s="33"/>
      <c r="AA63" s="33"/>
      <c r="AB63" s="34"/>
      <c r="AC63" s="34"/>
      <c r="AD63" s="34"/>
      <c r="AE63" s="34"/>
      <c r="AF63" s="34"/>
      <c r="AG63" s="34"/>
      <c r="AH63" s="34"/>
      <c r="AI63" s="34"/>
      <c r="AJ63" s="34"/>
      <c r="AK63" s="35"/>
      <c r="AL63" s="35"/>
      <c r="AM63" s="36"/>
    </row>
    <row r="64" spans="1:39" s="59" customFormat="1" ht="9.75" customHeight="1">
      <c r="A64" s="89"/>
      <c r="B64" s="90"/>
      <c r="C64" s="91"/>
      <c r="D64" s="90"/>
      <c r="E64" s="91"/>
      <c r="F64" s="90"/>
      <c r="G64" s="91"/>
      <c r="H64" s="92"/>
      <c r="I64" s="91"/>
      <c r="J64" s="92"/>
      <c r="K64" s="48"/>
      <c r="L64" s="48"/>
      <c r="M64" s="49"/>
      <c r="N64" s="229"/>
      <c r="O64" s="226"/>
      <c r="P64" s="91"/>
      <c r="Q64" s="92"/>
      <c r="R64" s="91"/>
      <c r="S64" s="93"/>
      <c r="T64" s="94"/>
      <c r="U64" s="92"/>
      <c r="V64" s="91"/>
      <c r="W64" s="92"/>
      <c r="X64" s="95"/>
      <c r="Y64" s="95"/>
      <c r="Z64" s="95"/>
      <c r="AA64" s="95"/>
      <c r="AB64" s="96"/>
      <c r="AC64" s="96"/>
      <c r="AD64" s="96"/>
      <c r="AE64" s="96"/>
      <c r="AF64" s="96"/>
      <c r="AG64" s="96"/>
      <c r="AH64" s="96"/>
      <c r="AI64" s="96"/>
      <c r="AJ64" s="96"/>
      <c r="AK64" s="97"/>
      <c r="AL64" s="97"/>
      <c r="AM64" s="98"/>
    </row>
    <row r="65" spans="1:39" s="59" customFormat="1" ht="9.75" customHeight="1">
      <c r="A65" s="76"/>
      <c r="B65" s="115"/>
      <c r="C65" s="115"/>
      <c r="D65" s="115"/>
      <c r="E65" s="115"/>
      <c r="F65" s="115"/>
      <c r="G65" s="103"/>
      <c r="H65" s="104"/>
      <c r="I65" s="103"/>
      <c r="J65" s="104"/>
      <c r="K65" s="105"/>
      <c r="L65" s="105"/>
      <c r="M65" s="106"/>
      <c r="N65" s="106"/>
      <c r="O65" s="65"/>
      <c r="P65" s="103"/>
      <c r="Q65" s="104"/>
      <c r="R65" s="103"/>
      <c r="S65" s="107"/>
      <c r="T65" s="108"/>
      <c r="U65" s="104"/>
      <c r="V65" s="103"/>
      <c r="W65" s="104"/>
      <c r="X65" s="109" t="s">
        <v>1</v>
      </c>
      <c r="Y65" s="109"/>
      <c r="Z65" s="109"/>
      <c r="AA65" s="109"/>
      <c r="AB65" s="110"/>
      <c r="AC65" s="110"/>
      <c r="AD65" s="110"/>
      <c r="AE65" s="110"/>
      <c r="AF65" s="110"/>
      <c r="AG65" s="110"/>
      <c r="AH65" s="110"/>
      <c r="AI65" s="110"/>
      <c r="AJ65" s="110"/>
      <c r="AK65" s="111"/>
      <c r="AL65" s="111"/>
      <c r="AM65" s="112"/>
    </row>
    <row r="66" spans="1:39" s="59" customFormat="1" ht="9.75" customHeight="1">
      <c r="A66" s="248" t="s">
        <v>19</v>
      </c>
      <c r="B66" s="249"/>
      <c r="C66" s="250"/>
      <c r="D66" s="250"/>
      <c r="E66" s="250"/>
      <c r="F66" s="236"/>
      <c r="G66" s="52"/>
      <c r="H66" s="53" t="s">
        <v>127</v>
      </c>
      <c r="I66" s="52" t="s">
        <v>23</v>
      </c>
      <c r="J66" s="53" t="s">
        <v>128</v>
      </c>
      <c r="K66" s="54" t="s">
        <v>22</v>
      </c>
      <c r="L66" s="54" t="s">
        <v>129</v>
      </c>
      <c r="M66" s="55"/>
      <c r="N66" s="55"/>
      <c r="O66" s="56"/>
      <c r="P66" s="52"/>
      <c r="Q66" s="53"/>
      <c r="R66" s="52" t="s">
        <v>130</v>
      </c>
      <c r="S66" s="57"/>
      <c r="T66" s="58" t="s">
        <v>130</v>
      </c>
      <c r="U66" s="53" t="s">
        <v>22</v>
      </c>
      <c r="V66" s="52"/>
      <c r="W66" s="53" t="s">
        <v>22</v>
      </c>
      <c r="X66" s="60"/>
      <c r="Y66" s="60"/>
      <c r="Z66" s="60"/>
      <c r="AA66" s="60"/>
      <c r="AB66" s="61"/>
      <c r="AC66" s="61"/>
      <c r="AD66" s="61"/>
      <c r="AE66" s="61"/>
      <c r="AF66" s="61"/>
      <c r="AG66" s="61"/>
      <c r="AH66" s="61"/>
      <c r="AI66" s="61"/>
      <c r="AJ66" s="61"/>
      <c r="AK66" s="62"/>
      <c r="AL66" s="62"/>
      <c r="AM66" s="63"/>
    </row>
    <row r="67" spans="1:39" s="59" customFormat="1" ht="9.75" customHeight="1">
      <c r="A67" s="77"/>
      <c r="B67" s="116"/>
      <c r="C67" s="116"/>
      <c r="D67" s="116"/>
      <c r="E67" s="116"/>
      <c r="F67" s="116"/>
      <c r="G67" s="79"/>
      <c r="H67" s="80"/>
      <c r="I67" s="79"/>
      <c r="J67" s="80"/>
      <c r="K67" s="81"/>
      <c r="L67" s="81"/>
      <c r="M67" s="82"/>
      <c r="N67" s="82"/>
      <c r="O67" s="78"/>
      <c r="P67" s="79"/>
      <c r="Q67" s="80"/>
      <c r="R67" s="79"/>
      <c r="S67" s="83"/>
      <c r="T67" s="84"/>
      <c r="U67" s="80"/>
      <c r="V67" s="79"/>
      <c r="W67" s="80"/>
      <c r="X67" s="117"/>
      <c r="Y67" s="117"/>
      <c r="Z67" s="117"/>
      <c r="AA67" s="117"/>
      <c r="AB67" s="118"/>
      <c r="AC67" s="118"/>
      <c r="AD67" s="118"/>
      <c r="AE67" s="118"/>
      <c r="AF67" s="118"/>
      <c r="AG67" s="118"/>
      <c r="AH67" s="118"/>
      <c r="AI67" s="118"/>
      <c r="AJ67" s="118"/>
      <c r="AK67" s="119"/>
      <c r="AL67" s="119"/>
      <c r="AM67" s="120"/>
    </row>
    <row r="68" spans="1:39" ht="9.75" customHeight="1">
      <c r="A68" s="134"/>
      <c r="B68" s="135"/>
      <c r="C68" s="135"/>
      <c r="D68" s="135"/>
      <c r="E68" s="135"/>
      <c r="F68" s="135"/>
      <c r="G68" s="135"/>
      <c r="H68" s="135"/>
      <c r="I68" s="135"/>
      <c r="J68" s="135"/>
      <c r="K68" s="135"/>
      <c r="L68" s="135"/>
      <c r="M68" s="135"/>
      <c r="N68" s="135"/>
      <c r="O68" s="135"/>
      <c r="P68" s="135"/>
      <c r="Q68" s="135"/>
      <c r="R68" s="135"/>
      <c r="S68" s="135"/>
      <c r="T68" s="135"/>
      <c r="U68" s="135"/>
      <c r="V68" s="135"/>
      <c r="W68" s="135"/>
      <c r="X68" s="136"/>
      <c r="Y68" s="136"/>
      <c r="Z68" s="136"/>
      <c r="AA68" s="136"/>
      <c r="AB68" s="136"/>
      <c r="AC68" s="136"/>
      <c r="AD68" s="136"/>
      <c r="AE68" s="136"/>
      <c r="AF68" s="136"/>
      <c r="AG68" s="136"/>
      <c r="AH68" s="136"/>
      <c r="AI68" s="136"/>
      <c r="AJ68" s="136"/>
      <c r="AK68" s="136"/>
      <c r="AL68" s="136"/>
      <c r="AM68" s="137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55">
    <mergeCell ref="A66:F66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50:D52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50:C52"/>
    <mergeCell ref="F17:F19"/>
    <mergeCell ref="E17:E19"/>
    <mergeCell ref="F26:F28"/>
    <mergeCell ref="E26:E28"/>
    <mergeCell ref="F29:F31"/>
    <mergeCell ref="E29:E31"/>
    <mergeCell ref="F44:F46"/>
    <mergeCell ref="E44:E46"/>
    <mergeCell ref="F53:F55"/>
    <mergeCell ref="E53:E55"/>
    <mergeCell ref="O20:O22"/>
    <mergeCell ref="N20:N22"/>
    <mergeCell ref="O32:O34"/>
    <mergeCell ref="N32:N34"/>
    <mergeCell ref="O35:O37"/>
    <mergeCell ref="N35:N37"/>
    <mergeCell ref="O38:O40"/>
    <mergeCell ref="N38:N40"/>
    <mergeCell ref="O41:O43"/>
    <mergeCell ref="N41:N43"/>
    <mergeCell ref="O47:O49"/>
    <mergeCell ref="N47:N49"/>
    <mergeCell ref="O56:O58"/>
    <mergeCell ref="N56:N58"/>
    <mergeCell ref="O59:O61"/>
    <mergeCell ref="N59:N61"/>
    <mergeCell ref="O62:O64"/>
    <mergeCell ref="N62:N64"/>
  </mergeCells>
  <phoneticPr fontId="1"/>
  <pageMargins left="0.43307086614173229" right="0.39370078740157483" top="0.19685039370078741" bottom="0" header="0.19685039370078741" footer="0.19685039370078741"/>
  <pageSetup paperSize="9" firstPageNumber="226" pageOrder="overThenDown" orientation="portrait" useFirstPageNumber="1" r:id="rId1"/>
  <headerFooter>
    <oddFooter>&amp;C- &amp;P -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170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194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1193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408</v>
      </c>
      <c r="I11" s="52" t="s">
        <v>23</v>
      </c>
      <c r="J11" s="53" t="s">
        <v>409</v>
      </c>
      <c r="K11" s="183" t="s">
        <v>22</v>
      </c>
      <c r="L11" s="52"/>
      <c r="M11" s="205" t="s">
        <v>22</v>
      </c>
      <c r="N11" s="54" t="s">
        <v>410</v>
      </c>
      <c r="O11" s="55"/>
      <c r="P11" s="228"/>
      <c r="Q11" s="294"/>
      <c r="R11" s="52"/>
      <c r="S11" s="55"/>
      <c r="T11" s="204" t="s">
        <v>1136</v>
      </c>
      <c r="U11" s="55"/>
      <c r="V11" s="53" t="s">
        <v>22</v>
      </c>
      <c r="W11" s="54" t="s">
        <v>22</v>
      </c>
      <c r="X11" s="54" t="s">
        <v>22</v>
      </c>
      <c r="Y11" s="54" t="s">
        <v>1135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87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192</v>
      </c>
      <c r="I14" s="169"/>
      <c r="J14" s="44" t="s">
        <v>22</v>
      </c>
      <c r="K14" s="192" t="s">
        <v>22</v>
      </c>
      <c r="L14" s="169"/>
      <c r="M14" s="191" t="s">
        <v>22</v>
      </c>
      <c r="N14" s="45" t="s">
        <v>1192</v>
      </c>
      <c r="O14" s="168"/>
      <c r="P14" s="168"/>
      <c r="Q14" s="170"/>
      <c r="R14" s="169"/>
      <c r="S14" s="168"/>
      <c r="T14" s="190" t="s">
        <v>1191</v>
      </c>
      <c r="U14" s="168"/>
      <c r="V14" s="44" t="s">
        <v>22</v>
      </c>
      <c r="W14" s="45" t="s">
        <v>22</v>
      </c>
      <c r="X14" s="45" t="s">
        <v>22</v>
      </c>
      <c r="Y14" s="45" t="s">
        <v>1185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4" t="s">
        <v>1190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5"/>
      <c r="G17" s="169"/>
      <c r="H17" s="44" t="s">
        <v>1189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1189</v>
      </c>
      <c r="O17" s="168"/>
      <c r="P17" s="168"/>
      <c r="Q17" s="170"/>
      <c r="R17" s="169"/>
      <c r="S17" s="168"/>
      <c r="T17" s="190" t="s">
        <v>1189</v>
      </c>
      <c r="U17" s="168"/>
      <c r="V17" s="44" t="s">
        <v>22</v>
      </c>
      <c r="W17" s="45" t="s">
        <v>22</v>
      </c>
      <c r="X17" s="45" t="s">
        <v>22</v>
      </c>
      <c r="Y17" s="45" t="s">
        <v>22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5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8</v>
      </c>
      <c r="Q19" s="221" t="s">
        <v>687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189</v>
      </c>
      <c r="T20" s="190" t="s">
        <v>1189</v>
      </c>
      <c r="U20" s="168"/>
      <c r="V20" s="44" t="s">
        <v>22</v>
      </c>
      <c r="W20" s="45" t="s">
        <v>22</v>
      </c>
      <c r="X20" s="45" t="s">
        <v>22</v>
      </c>
      <c r="Y20" s="45" t="s">
        <v>2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3"/>
      <c r="C22" s="169"/>
      <c r="D22" s="170"/>
      <c r="E22" s="218" t="s">
        <v>25</v>
      </c>
      <c r="F22" s="224" t="s">
        <v>1188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169"/>
      <c r="D23" s="193"/>
      <c r="E23" s="219"/>
      <c r="F23" s="225"/>
      <c r="G23" s="169"/>
      <c r="H23" s="44" t="s">
        <v>1187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1187</v>
      </c>
      <c r="O23" s="168"/>
      <c r="P23" s="168"/>
      <c r="Q23" s="41"/>
      <c r="R23" s="169"/>
      <c r="S23" s="168"/>
      <c r="T23" s="190" t="s">
        <v>1186</v>
      </c>
      <c r="U23" s="168"/>
      <c r="V23" s="44" t="s">
        <v>22</v>
      </c>
      <c r="W23" s="45" t="s">
        <v>22</v>
      </c>
      <c r="X23" s="45" t="s">
        <v>22</v>
      </c>
      <c r="Y23" s="45" t="s">
        <v>1185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169"/>
      <c r="D24" s="193"/>
      <c r="E24" s="219"/>
      <c r="F24" s="225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3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688</v>
      </c>
      <c r="Q25" s="221" t="s">
        <v>687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1187</v>
      </c>
      <c r="T26" s="190" t="s">
        <v>1186</v>
      </c>
      <c r="U26" s="168"/>
      <c r="V26" s="44" t="s">
        <v>22</v>
      </c>
      <c r="W26" s="45" t="s">
        <v>22</v>
      </c>
      <c r="X26" s="45" t="s">
        <v>22</v>
      </c>
      <c r="Y26" s="45" t="s">
        <v>1185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72"/>
      <c r="D27" s="213"/>
      <c r="E27" s="172"/>
      <c r="F27" s="173"/>
      <c r="G27" s="172"/>
      <c r="H27" s="92"/>
      <c r="I27" s="172"/>
      <c r="J27" s="92"/>
      <c r="K27" s="202"/>
      <c r="L27" s="172"/>
      <c r="M27" s="201"/>
      <c r="N27" s="48"/>
      <c r="O27" s="174"/>
      <c r="P27" s="229"/>
      <c r="Q27" s="223"/>
      <c r="R27" s="172"/>
      <c r="S27" s="174"/>
      <c r="T27" s="200"/>
      <c r="U27" s="174"/>
      <c r="V27" s="92"/>
      <c r="W27" s="48"/>
      <c r="X27" s="48"/>
      <c r="Y27" s="48"/>
      <c r="Z27" s="199"/>
      <c r="AA27" s="95"/>
      <c r="AB27" s="95"/>
      <c r="AC27" s="95"/>
      <c r="AD27" s="96"/>
      <c r="AE27" s="97"/>
      <c r="AF27" s="97"/>
      <c r="AG27" s="97"/>
      <c r="AH27" s="95"/>
      <c r="AI27" s="95"/>
      <c r="AJ27" s="95"/>
      <c r="AK27" s="95"/>
      <c r="AL27" s="96"/>
      <c r="AM27" s="97"/>
      <c r="AN27" s="97"/>
      <c r="AO27" s="98"/>
    </row>
    <row r="28" spans="1:41" s="59" customFormat="1" ht="9.75" customHeight="1">
      <c r="A28" s="40"/>
      <c r="B28" s="170"/>
      <c r="C28" s="218" t="s">
        <v>25</v>
      </c>
      <c r="D28" s="221" t="s">
        <v>1184</v>
      </c>
      <c r="E28" s="162"/>
      <c r="F28" s="163"/>
      <c r="G28" s="162"/>
      <c r="H28" s="69"/>
      <c r="I28" s="162"/>
      <c r="J28" s="69"/>
      <c r="K28" s="198"/>
      <c r="L28" s="162"/>
      <c r="M28" s="197"/>
      <c r="N28" s="70"/>
      <c r="O28" s="167"/>
      <c r="P28" s="167"/>
      <c r="Q28" s="68"/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3"/>
      <c r="C29" s="219"/>
      <c r="D29" s="222"/>
      <c r="E29" s="169"/>
      <c r="F29" s="170"/>
      <c r="G29" s="169"/>
      <c r="H29" s="44" t="s">
        <v>1182</v>
      </c>
      <c r="I29" s="169"/>
      <c r="J29" s="44" t="s">
        <v>22</v>
      </c>
      <c r="K29" s="192" t="s">
        <v>22</v>
      </c>
      <c r="L29" s="169"/>
      <c r="M29" s="191" t="s">
        <v>22</v>
      </c>
      <c r="N29" s="45" t="s">
        <v>1182</v>
      </c>
      <c r="O29" s="168"/>
      <c r="P29" s="168"/>
      <c r="Q29" s="41"/>
      <c r="R29" s="169"/>
      <c r="S29" s="168"/>
      <c r="T29" s="190" t="s">
        <v>1181</v>
      </c>
      <c r="U29" s="168"/>
      <c r="V29" s="44" t="s">
        <v>22</v>
      </c>
      <c r="W29" s="45" t="s">
        <v>22</v>
      </c>
      <c r="X29" s="45" t="s">
        <v>22</v>
      </c>
      <c r="Y29" s="45" t="s">
        <v>1180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3"/>
      <c r="C30" s="219"/>
      <c r="D30" s="222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168"/>
      <c r="Q30" s="41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70"/>
      <c r="E31" s="218" t="s">
        <v>21</v>
      </c>
      <c r="F31" s="230" t="s">
        <v>1183</v>
      </c>
      <c r="G31" s="162"/>
      <c r="H31" s="69"/>
      <c r="I31" s="162"/>
      <c r="J31" s="69"/>
      <c r="K31" s="198"/>
      <c r="L31" s="162"/>
      <c r="M31" s="197"/>
      <c r="N31" s="70"/>
      <c r="O31" s="167"/>
      <c r="P31" s="167"/>
      <c r="Q31" s="68"/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3"/>
      <c r="E32" s="219"/>
      <c r="F32" s="222"/>
      <c r="G32" s="169"/>
      <c r="H32" s="44" t="s">
        <v>1182</v>
      </c>
      <c r="I32" s="169"/>
      <c r="J32" s="44" t="s">
        <v>22</v>
      </c>
      <c r="K32" s="192" t="s">
        <v>22</v>
      </c>
      <c r="L32" s="169"/>
      <c r="M32" s="191" t="s">
        <v>22</v>
      </c>
      <c r="N32" s="45" t="s">
        <v>1182</v>
      </c>
      <c r="O32" s="168"/>
      <c r="P32" s="168"/>
      <c r="Q32" s="170"/>
      <c r="R32" s="169"/>
      <c r="S32" s="168"/>
      <c r="T32" s="190" t="s">
        <v>1181</v>
      </c>
      <c r="U32" s="168"/>
      <c r="V32" s="44" t="s">
        <v>22</v>
      </c>
      <c r="W32" s="45" t="s">
        <v>22</v>
      </c>
      <c r="X32" s="45" t="s">
        <v>22</v>
      </c>
      <c r="Y32" s="45" t="s">
        <v>1180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3"/>
      <c r="E33" s="219"/>
      <c r="F33" s="222"/>
      <c r="G33" s="169"/>
      <c r="H33" s="44"/>
      <c r="I33" s="169"/>
      <c r="J33" s="44"/>
      <c r="K33" s="192"/>
      <c r="L33" s="169"/>
      <c r="M33" s="191"/>
      <c r="N33" s="45"/>
      <c r="O33" s="168"/>
      <c r="P33" s="168"/>
      <c r="Q33" s="170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170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680</v>
      </c>
      <c r="Q34" s="230" t="s">
        <v>679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170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182</v>
      </c>
      <c r="T35" s="190" t="s">
        <v>1181</v>
      </c>
      <c r="U35" s="168"/>
      <c r="V35" s="44" t="s">
        <v>22</v>
      </c>
      <c r="W35" s="45" t="s">
        <v>22</v>
      </c>
      <c r="X35" s="45" t="s">
        <v>22</v>
      </c>
      <c r="Y35" s="45" t="s">
        <v>1180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72"/>
      <c r="D36" s="203"/>
      <c r="E36" s="172"/>
      <c r="F36" s="173"/>
      <c r="G36" s="172"/>
      <c r="H36" s="92"/>
      <c r="I36" s="172"/>
      <c r="J36" s="92"/>
      <c r="K36" s="202"/>
      <c r="L36" s="172"/>
      <c r="M36" s="201"/>
      <c r="N36" s="48"/>
      <c r="O36" s="174"/>
      <c r="P36" s="229"/>
      <c r="Q36" s="223"/>
      <c r="R36" s="172"/>
      <c r="S36" s="174"/>
      <c r="T36" s="200"/>
      <c r="U36" s="174"/>
      <c r="V36" s="92"/>
      <c r="W36" s="48"/>
      <c r="X36" s="48"/>
      <c r="Y36" s="48"/>
      <c r="Z36" s="199"/>
      <c r="AA36" s="95"/>
      <c r="AB36" s="95"/>
      <c r="AC36" s="95"/>
      <c r="AD36" s="96"/>
      <c r="AE36" s="97"/>
      <c r="AF36" s="97"/>
      <c r="AG36" s="97"/>
      <c r="AH36" s="95"/>
      <c r="AI36" s="95"/>
      <c r="AJ36" s="95"/>
      <c r="AK36" s="95"/>
      <c r="AL36" s="96"/>
      <c r="AM36" s="97"/>
      <c r="AN36" s="97"/>
      <c r="AO36" s="98"/>
    </row>
    <row r="37" spans="1:41" s="59" customFormat="1" ht="9.75" customHeight="1">
      <c r="A37" s="40"/>
      <c r="B37" s="170"/>
      <c r="C37" s="218" t="s">
        <v>26</v>
      </c>
      <c r="D37" s="221" t="s">
        <v>816</v>
      </c>
      <c r="E37" s="162"/>
      <c r="F37" s="163"/>
      <c r="G37" s="162"/>
      <c r="H37" s="69"/>
      <c r="I37" s="162"/>
      <c r="J37" s="69"/>
      <c r="K37" s="198"/>
      <c r="L37" s="162"/>
      <c r="M37" s="197"/>
      <c r="N37" s="70"/>
      <c r="O37" s="167"/>
      <c r="P37" s="167"/>
      <c r="Q37" s="68"/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3"/>
      <c r="C38" s="219"/>
      <c r="D38" s="222"/>
      <c r="E38" s="169"/>
      <c r="F38" s="170"/>
      <c r="G38" s="169"/>
      <c r="H38" s="44" t="s">
        <v>1179</v>
      </c>
      <c r="I38" s="169" t="s">
        <v>23</v>
      </c>
      <c r="J38" s="44" t="s">
        <v>1154</v>
      </c>
      <c r="K38" s="192" t="s">
        <v>22</v>
      </c>
      <c r="L38" s="169"/>
      <c r="M38" s="191" t="s">
        <v>22</v>
      </c>
      <c r="N38" s="45" t="s">
        <v>1178</v>
      </c>
      <c r="O38" s="168"/>
      <c r="P38" s="168"/>
      <c r="Q38" s="41"/>
      <c r="R38" s="169"/>
      <c r="S38" s="168"/>
      <c r="T38" s="190" t="s">
        <v>1177</v>
      </c>
      <c r="U38" s="168"/>
      <c r="V38" s="44" t="s">
        <v>22</v>
      </c>
      <c r="W38" s="45" t="s">
        <v>22</v>
      </c>
      <c r="X38" s="45" t="s">
        <v>22</v>
      </c>
      <c r="Y38" s="45" t="s">
        <v>1176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3"/>
      <c r="C39" s="219"/>
      <c r="D39" s="222"/>
      <c r="E39" s="169"/>
      <c r="F39" s="170"/>
      <c r="G39" s="169"/>
      <c r="H39" s="44"/>
      <c r="I39" s="169"/>
      <c r="J39" s="44"/>
      <c r="K39" s="192"/>
      <c r="L39" s="169"/>
      <c r="M39" s="191"/>
      <c r="N39" s="45"/>
      <c r="O39" s="168"/>
      <c r="P39" s="168"/>
      <c r="Q39" s="41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70"/>
      <c r="E40" s="218" t="s">
        <v>21</v>
      </c>
      <c r="F40" s="221" t="s">
        <v>815</v>
      </c>
      <c r="G40" s="162"/>
      <c r="H40" s="69"/>
      <c r="I40" s="162"/>
      <c r="J40" s="69"/>
      <c r="K40" s="198"/>
      <c r="L40" s="162"/>
      <c r="M40" s="197"/>
      <c r="N40" s="70"/>
      <c r="O40" s="167"/>
      <c r="P40" s="167"/>
      <c r="Q40" s="68"/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3"/>
      <c r="E41" s="219"/>
      <c r="F41" s="222"/>
      <c r="G41" s="169"/>
      <c r="H41" s="44" t="s">
        <v>1175</v>
      </c>
      <c r="I41" s="169"/>
      <c r="J41" s="44" t="s">
        <v>22</v>
      </c>
      <c r="K41" s="192" t="s">
        <v>22</v>
      </c>
      <c r="L41" s="169"/>
      <c r="M41" s="191" t="s">
        <v>22</v>
      </c>
      <c r="N41" s="45" t="s">
        <v>1175</v>
      </c>
      <c r="O41" s="168"/>
      <c r="P41" s="168"/>
      <c r="Q41" s="170"/>
      <c r="R41" s="169"/>
      <c r="S41" s="168"/>
      <c r="T41" s="190" t="s">
        <v>1174</v>
      </c>
      <c r="U41" s="168"/>
      <c r="V41" s="44" t="s">
        <v>22</v>
      </c>
      <c r="W41" s="45" t="s">
        <v>22</v>
      </c>
      <c r="X41" s="45" t="s">
        <v>22</v>
      </c>
      <c r="Y41" s="45" t="s">
        <v>1173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3"/>
      <c r="E42" s="219"/>
      <c r="F42" s="222"/>
      <c r="G42" s="169"/>
      <c r="H42" s="44"/>
      <c r="I42" s="169"/>
      <c r="J42" s="44"/>
      <c r="K42" s="192"/>
      <c r="L42" s="169"/>
      <c r="M42" s="191"/>
      <c r="N42" s="45"/>
      <c r="O42" s="168"/>
      <c r="P42" s="168"/>
      <c r="Q42" s="170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170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31</v>
      </c>
      <c r="Q43" s="221" t="s">
        <v>900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170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1172</v>
      </c>
      <c r="T44" s="190" t="s">
        <v>1171</v>
      </c>
      <c r="U44" s="168"/>
      <c r="V44" s="44" t="s">
        <v>22</v>
      </c>
      <c r="W44" s="45" t="s">
        <v>22</v>
      </c>
      <c r="X44" s="45" t="s">
        <v>22</v>
      </c>
      <c r="Y44" s="45" t="s">
        <v>1170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4"/>
      <c r="E45" s="169"/>
      <c r="F45" s="170"/>
      <c r="G45" s="169"/>
      <c r="H45" s="44"/>
      <c r="I45" s="169"/>
      <c r="J45" s="44"/>
      <c r="K45" s="192"/>
      <c r="L45" s="169"/>
      <c r="M45" s="191"/>
      <c r="N45" s="45"/>
      <c r="O45" s="168"/>
      <c r="P45" s="229"/>
      <c r="Q45" s="223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41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35</v>
      </c>
      <c r="Q46" s="221" t="s">
        <v>788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41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1169</v>
      </c>
      <c r="T47" s="190" t="s">
        <v>1168</v>
      </c>
      <c r="U47" s="168"/>
      <c r="V47" s="44" t="s">
        <v>22</v>
      </c>
      <c r="W47" s="45" t="s">
        <v>22</v>
      </c>
      <c r="X47" s="45" t="s">
        <v>22</v>
      </c>
      <c r="Y47" s="45" t="s">
        <v>1167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41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41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36</v>
      </c>
      <c r="Q49" s="221" t="s">
        <v>833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41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1166</v>
      </c>
      <c r="T50" s="190" t="s">
        <v>1165</v>
      </c>
      <c r="U50" s="168"/>
      <c r="V50" s="44" t="s">
        <v>22</v>
      </c>
      <c r="W50" s="45" t="s">
        <v>22</v>
      </c>
      <c r="X50" s="45" t="s">
        <v>22</v>
      </c>
      <c r="Y50" s="45" t="s">
        <v>1164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4"/>
      <c r="E51" s="169"/>
      <c r="F51" s="41"/>
      <c r="G51" s="169"/>
      <c r="H51" s="44"/>
      <c r="I51" s="169"/>
      <c r="J51" s="44"/>
      <c r="K51" s="192"/>
      <c r="L51" s="169"/>
      <c r="M51" s="191"/>
      <c r="N51" s="45"/>
      <c r="O51" s="168"/>
      <c r="P51" s="229"/>
      <c r="Q51" s="223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94"/>
      <c r="E52" s="169"/>
      <c r="F52" s="41"/>
      <c r="G52" s="169"/>
      <c r="H52" s="44"/>
      <c r="I52" s="169"/>
      <c r="J52" s="44"/>
      <c r="K52" s="192"/>
      <c r="L52" s="169"/>
      <c r="M52" s="191"/>
      <c r="N52" s="45"/>
      <c r="O52" s="168"/>
      <c r="P52" s="227" t="s">
        <v>37</v>
      </c>
      <c r="Q52" s="221" t="s">
        <v>786</v>
      </c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4"/>
      <c r="E53" s="169"/>
      <c r="F53" s="41"/>
      <c r="G53" s="169"/>
      <c r="H53" s="44"/>
      <c r="I53" s="169"/>
      <c r="J53" s="44"/>
      <c r="K53" s="192"/>
      <c r="L53" s="169"/>
      <c r="M53" s="191"/>
      <c r="N53" s="45"/>
      <c r="O53" s="168"/>
      <c r="P53" s="228"/>
      <c r="Q53" s="222"/>
      <c r="R53" s="169"/>
      <c r="S53" s="168" t="s">
        <v>1163</v>
      </c>
      <c r="T53" s="190" t="s">
        <v>1162</v>
      </c>
      <c r="U53" s="168"/>
      <c r="V53" s="44" t="s">
        <v>22</v>
      </c>
      <c r="W53" s="45" t="s">
        <v>22</v>
      </c>
      <c r="X53" s="45" t="s">
        <v>22</v>
      </c>
      <c r="Y53" s="45" t="s">
        <v>1161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69"/>
      <c r="D54" s="194"/>
      <c r="E54" s="169"/>
      <c r="F54" s="41"/>
      <c r="G54" s="169"/>
      <c r="H54" s="44"/>
      <c r="I54" s="169"/>
      <c r="J54" s="44"/>
      <c r="K54" s="192"/>
      <c r="L54" s="169"/>
      <c r="M54" s="191"/>
      <c r="N54" s="45"/>
      <c r="O54" s="168"/>
      <c r="P54" s="229"/>
      <c r="Q54" s="223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94"/>
      <c r="E55" s="169"/>
      <c r="F55" s="41"/>
      <c r="G55" s="169"/>
      <c r="H55" s="44"/>
      <c r="I55" s="169"/>
      <c r="J55" s="44"/>
      <c r="K55" s="192"/>
      <c r="L55" s="169"/>
      <c r="M55" s="191"/>
      <c r="N55" s="45"/>
      <c r="O55" s="168"/>
      <c r="P55" s="227" t="s">
        <v>39</v>
      </c>
      <c r="Q55" s="221" t="s">
        <v>704</v>
      </c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4"/>
      <c r="E56" s="169"/>
      <c r="F56" s="41"/>
      <c r="G56" s="169"/>
      <c r="H56" s="44"/>
      <c r="I56" s="169"/>
      <c r="J56" s="44"/>
      <c r="K56" s="192"/>
      <c r="L56" s="169"/>
      <c r="M56" s="191"/>
      <c r="N56" s="45"/>
      <c r="O56" s="168"/>
      <c r="P56" s="228"/>
      <c r="Q56" s="222"/>
      <c r="R56" s="169"/>
      <c r="S56" s="168" t="s">
        <v>94</v>
      </c>
      <c r="T56" s="190" t="s">
        <v>1160</v>
      </c>
      <c r="U56" s="168"/>
      <c r="V56" s="44" t="s">
        <v>22</v>
      </c>
      <c r="W56" s="45" t="s">
        <v>22</v>
      </c>
      <c r="X56" s="45" t="s">
        <v>22</v>
      </c>
      <c r="Y56" s="45" t="s">
        <v>1159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69"/>
      <c r="D57" s="194"/>
      <c r="E57" s="169"/>
      <c r="F57" s="41"/>
      <c r="G57" s="169"/>
      <c r="H57" s="44"/>
      <c r="I57" s="169"/>
      <c r="J57" s="44"/>
      <c r="K57" s="192"/>
      <c r="L57" s="169"/>
      <c r="M57" s="191"/>
      <c r="N57" s="45"/>
      <c r="O57" s="168"/>
      <c r="P57" s="229"/>
      <c r="Q57" s="223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4"/>
      <c r="C58" s="169"/>
      <c r="D58" s="194"/>
      <c r="E58" s="169"/>
      <c r="F58" s="41"/>
      <c r="G58" s="169"/>
      <c r="H58" s="44"/>
      <c r="I58" s="169"/>
      <c r="J58" s="44"/>
      <c r="K58" s="192"/>
      <c r="L58" s="169"/>
      <c r="M58" s="191"/>
      <c r="N58" s="45"/>
      <c r="O58" s="168"/>
      <c r="P58" s="227" t="s">
        <v>40</v>
      </c>
      <c r="Q58" s="221" t="s">
        <v>700</v>
      </c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4"/>
      <c r="C59" s="169"/>
      <c r="D59" s="194"/>
      <c r="E59" s="169"/>
      <c r="F59" s="41"/>
      <c r="G59" s="169"/>
      <c r="H59" s="44"/>
      <c r="I59" s="169"/>
      <c r="J59" s="44"/>
      <c r="K59" s="192"/>
      <c r="L59" s="169"/>
      <c r="M59" s="191"/>
      <c r="N59" s="45"/>
      <c r="O59" s="168"/>
      <c r="P59" s="228"/>
      <c r="Q59" s="222"/>
      <c r="R59" s="169"/>
      <c r="S59" s="168" t="s">
        <v>1158</v>
      </c>
      <c r="T59" s="190" t="s">
        <v>95</v>
      </c>
      <c r="U59" s="168"/>
      <c r="V59" s="44" t="s">
        <v>22</v>
      </c>
      <c r="W59" s="45" t="s">
        <v>22</v>
      </c>
      <c r="X59" s="45" t="s">
        <v>22</v>
      </c>
      <c r="Y59" s="45" t="s">
        <v>58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4"/>
      <c r="C60" s="169"/>
      <c r="D60" s="194"/>
      <c r="E60" s="169"/>
      <c r="F60" s="41"/>
      <c r="G60" s="169"/>
      <c r="H60" s="44"/>
      <c r="I60" s="169"/>
      <c r="J60" s="44"/>
      <c r="K60" s="192"/>
      <c r="L60" s="169"/>
      <c r="M60" s="191"/>
      <c r="N60" s="45"/>
      <c r="O60" s="168"/>
      <c r="P60" s="229"/>
      <c r="Q60" s="223"/>
      <c r="R60" s="169"/>
      <c r="S60" s="168"/>
      <c r="T60" s="190"/>
      <c r="U60" s="168"/>
      <c r="V60" s="44"/>
      <c r="W60" s="45"/>
      <c r="X60" s="45"/>
      <c r="Y60" s="45"/>
      <c r="Z60" s="189"/>
      <c r="AA60" s="33"/>
      <c r="AB60" s="33"/>
      <c r="AC60" s="33"/>
      <c r="AD60" s="34"/>
      <c r="AE60" s="35"/>
      <c r="AF60" s="35"/>
      <c r="AG60" s="35"/>
      <c r="AH60" s="33"/>
      <c r="AI60" s="33"/>
      <c r="AJ60" s="33"/>
      <c r="AK60" s="33"/>
      <c r="AL60" s="34"/>
      <c r="AM60" s="35"/>
      <c r="AN60" s="35"/>
      <c r="AO60" s="36"/>
    </row>
    <row r="61" spans="1:41" s="59" customFormat="1" ht="9.75" customHeight="1">
      <c r="A61" s="40"/>
      <c r="B61" s="194"/>
      <c r="C61" s="169"/>
      <c r="D61" s="194"/>
      <c r="E61" s="169"/>
      <c r="F61" s="41"/>
      <c r="G61" s="169"/>
      <c r="H61" s="44"/>
      <c r="I61" s="169"/>
      <c r="J61" s="44"/>
      <c r="K61" s="192"/>
      <c r="L61" s="169"/>
      <c r="M61" s="191"/>
      <c r="N61" s="45"/>
      <c r="O61" s="168"/>
      <c r="P61" s="227" t="s">
        <v>680</v>
      </c>
      <c r="Q61" s="230" t="s">
        <v>679</v>
      </c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4"/>
      <c r="C62" s="169"/>
      <c r="D62" s="194"/>
      <c r="E62" s="169"/>
      <c r="F62" s="41"/>
      <c r="G62" s="169"/>
      <c r="H62" s="44"/>
      <c r="I62" s="169"/>
      <c r="J62" s="44"/>
      <c r="K62" s="192"/>
      <c r="L62" s="169"/>
      <c r="M62" s="191"/>
      <c r="N62" s="45"/>
      <c r="O62" s="168"/>
      <c r="P62" s="228"/>
      <c r="Q62" s="222"/>
      <c r="R62" s="169"/>
      <c r="S62" s="168" t="s">
        <v>1157</v>
      </c>
      <c r="T62" s="190" t="s">
        <v>1157</v>
      </c>
      <c r="U62" s="168"/>
      <c r="V62" s="44" t="s">
        <v>22</v>
      </c>
      <c r="W62" s="45" t="s">
        <v>22</v>
      </c>
      <c r="X62" s="45" t="s">
        <v>22</v>
      </c>
      <c r="Y62" s="45" t="s">
        <v>22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4"/>
      <c r="C63" s="169"/>
      <c r="D63" s="194"/>
      <c r="E63" s="169"/>
      <c r="F63" s="41"/>
      <c r="G63" s="169"/>
      <c r="H63" s="44"/>
      <c r="I63" s="169"/>
      <c r="J63" s="44"/>
      <c r="K63" s="192"/>
      <c r="L63" s="169"/>
      <c r="M63" s="191"/>
      <c r="N63" s="45"/>
      <c r="O63" s="168"/>
      <c r="P63" s="229"/>
      <c r="Q63" s="223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3"/>
      <c r="C64" s="169"/>
      <c r="D64" s="170"/>
      <c r="E64" s="218" t="s">
        <v>25</v>
      </c>
      <c r="F64" s="221" t="s">
        <v>1156</v>
      </c>
      <c r="G64" s="162"/>
      <c r="H64" s="69"/>
      <c r="I64" s="162"/>
      <c r="J64" s="69"/>
      <c r="K64" s="198"/>
      <c r="L64" s="162"/>
      <c r="M64" s="197"/>
      <c r="N64" s="70"/>
      <c r="O64" s="167"/>
      <c r="P64" s="167"/>
      <c r="Q64" s="68"/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3"/>
      <c r="C65" s="169"/>
      <c r="D65" s="193"/>
      <c r="E65" s="219"/>
      <c r="F65" s="222"/>
      <c r="G65" s="169"/>
      <c r="H65" s="44" t="s">
        <v>1155</v>
      </c>
      <c r="I65" s="169" t="s">
        <v>23</v>
      </c>
      <c r="J65" s="44" t="s">
        <v>1154</v>
      </c>
      <c r="K65" s="192" t="s">
        <v>22</v>
      </c>
      <c r="L65" s="169"/>
      <c r="M65" s="191" t="s">
        <v>22</v>
      </c>
      <c r="N65" s="45" t="s">
        <v>1153</v>
      </c>
      <c r="O65" s="168"/>
      <c r="P65" s="168"/>
      <c r="Q65" s="41"/>
      <c r="R65" s="169"/>
      <c r="S65" s="168"/>
      <c r="T65" s="190" t="s">
        <v>1152</v>
      </c>
      <c r="U65" s="168"/>
      <c r="V65" s="44" t="s">
        <v>22</v>
      </c>
      <c r="W65" s="45" t="s">
        <v>22</v>
      </c>
      <c r="X65" s="45" t="s">
        <v>22</v>
      </c>
      <c r="Y65" s="45" t="s">
        <v>1151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3"/>
      <c r="C66" s="169"/>
      <c r="D66" s="193"/>
      <c r="E66" s="219"/>
      <c r="F66" s="222"/>
      <c r="G66" s="169"/>
      <c r="H66" s="44"/>
      <c r="I66" s="169"/>
      <c r="J66" s="44"/>
      <c r="K66" s="192"/>
      <c r="L66" s="169"/>
      <c r="M66" s="191"/>
      <c r="N66" s="45"/>
      <c r="O66" s="168"/>
      <c r="P66" s="168"/>
      <c r="Q66" s="41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40"/>
      <c r="B67" s="194"/>
      <c r="C67" s="169"/>
      <c r="D67" s="193"/>
      <c r="E67" s="169"/>
      <c r="F67" s="170"/>
      <c r="G67" s="169"/>
      <c r="H67" s="44"/>
      <c r="I67" s="169"/>
      <c r="J67" s="44"/>
      <c r="K67" s="192"/>
      <c r="L67" s="169"/>
      <c r="M67" s="191"/>
      <c r="N67" s="45"/>
      <c r="O67" s="168"/>
      <c r="P67" s="227" t="s">
        <v>749</v>
      </c>
      <c r="Q67" s="230" t="s">
        <v>748</v>
      </c>
      <c r="R67" s="162"/>
      <c r="S67" s="167"/>
      <c r="T67" s="196"/>
      <c r="U67" s="167"/>
      <c r="V67" s="69"/>
      <c r="W67" s="70"/>
      <c r="X67" s="70"/>
      <c r="Y67" s="70"/>
      <c r="Z67" s="195" t="s">
        <v>1</v>
      </c>
      <c r="AA67" s="74"/>
      <c r="AB67" s="74"/>
      <c r="AC67" s="74"/>
      <c r="AD67" s="75"/>
      <c r="AE67" s="25"/>
      <c r="AF67" s="25"/>
      <c r="AG67" s="25"/>
      <c r="AH67" s="74"/>
      <c r="AI67" s="74"/>
      <c r="AJ67" s="74"/>
      <c r="AK67" s="74"/>
      <c r="AL67" s="75"/>
      <c r="AM67" s="25"/>
      <c r="AN67" s="25"/>
      <c r="AO67" s="32"/>
    </row>
    <row r="68" spans="1:41" s="59" customFormat="1" ht="9.75" customHeight="1">
      <c r="A68" s="40"/>
      <c r="B68" s="194"/>
      <c r="C68" s="169"/>
      <c r="D68" s="193"/>
      <c r="E68" s="169"/>
      <c r="F68" s="170"/>
      <c r="G68" s="169"/>
      <c r="H68" s="44"/>
      <c r="I68" s="169"/>
      <c r="J68" s="44"/>
      <c r="K68" s="192"/>
      <c r="L68" s="169"/>
      <c r="M68" s="191"/>
      <c r="N68" s="45"/>
      <c r="O68" s="168"/>
      <c r="P68" s="228"/>
      <c r="Q68" s="222"/>
      <c r="R68" s="169"/>
      <c r="S68" s="168" t="s">
        <v>1153</v>
      </c>
      <c r="T68" s="190" t="s">
        <v>1152</v>
      </c>
      <c r="U68" s="168"/>
      <c r="V68" s="44" t="s">
        <v>22</v>
      </c>
      <c r="W68" s="45" t="s">
        <v>22</v>
      </c>
      <c r="X68" s="45" t="s">
        <v>22</v>
      </c>
      <c r="Y68" s="45" t="s">
        <v>1151</v>
      </c>
      <c r="Z68" s="189"/>
      <c r="AA68" s="33"/>
      <c r="AB68" s="33"/>
      <c r="AC68" s="33"/>
      <c r="AD68" s="34"/>
      <c r="AE68" s="35"/>
      <c r="AF68" s="35"/>
      <c r="AG68" s="35"/>
      <c r="AH68" s="33"/>
      <c r="AI68" s="33"/>
      <c r="AJ68" s="33"/>
      <c r="AK68" s="33"/>
      <c r="AL68" s="34"/>
      <c r="AM68" s="35"/>
      <c r="AN68" s="35"/>
      <c r="AO68" s="36"/>
    </row>
    <row r="69" spans="1:41" s="59" customFormat="1" ht="9.75" customHeight="1">
      <c r="A69" s="40"/>
      <c r="B69" s="194"/>
      <c r="C69" s="172"/>
      <c r="D69" s="213"/>
      <c r="E69" s="172"/>
      <c r="F69" s="173"/>
      <c r="G69" s="172"/>
      <c r="H69" s="92"/>
      <c r="I69" s="172"/>
      <c r="J69" s="92"/>
      <c r="K69" s="202"/>
      <c r="L69" s="172"/>
      <c r="M69" s="201"/>
      <c r="N69" s="48"/>
      <c r="O69" s="174"/>
      <c r="P69" s="229"/>
      <c r="Q69" s="223"/>
      <c r="R69" s="172"/>
      <c r="S69" s="174"/>
      <c r="T69" s="200"/>
      <c r="U69" s="174"/>
      <c r="V69" s="92"/>
      <c r="W69" s="48"/>
      <c r="X69" s="48"/>
      <c r="Y69" s="48"/>
      <c r="Z69" s="199"/>
      <c r="AA69" s="95"/>
      <c r="AB69" s="95"/>
      <c r="AC69" s="95"/>
      <c r="AD69" s="96"/>
      <c r="AE69" s="97"/>
      <c r="AF69" s="97"/>
      <c r="AG69" s="97"/>
      <c r="AH69" s="95"/>
      <c r="AI69" s="95"/>
      <c r="AJ69" s="95"/>
      <c r="AK69" s="95"/>
      <c r="AL69" s="96"/>
      <c r="AM69" s="97"/>
      <c r="AN69" s="97"/>
      <c r="AO69" s="98"/>
    </row>
    <row r="70" spans="1:41" s="59" customFormat="1" ht="9.75" customHeight="1">
      <c r="A70" s="40"/>
      <c r="B70" s="170"/>
      <c r="C70" s="218" t="s">
        <v>31</v>
      </c>
      <c r="D70" s="221" t="s">
        <v>665</v>
      </c>
      <c r="E70" s="162"/>
      <c r="F70" s="163"/>
      <c r="G70" s="162"/>
      <c r="H70" s="69"/>
      <c r="I70" s="162"/>
      <c r="J70" s="69"/>
      <c r="K70" s="198"/>
      <c r="L70" s="162"/>
      <c r="M70" s="197"/>
      <c r="N70" s="70"/>
      <c r="O70" s="167"/>
      <c r="P70" s="167"/>
      <c r="Q70" s="68"/>
      <c r="R70" s="162"/>
      <c r="S70" s="167"/>
      <c r="T70" s="196"/>
      <c r="U70" s="167"/>
      <c r="V70" s="69"/>
      <c r="W70" s="70"/>
      <c r="X70" s="70"/>
      <c r="Y70" s="70"/>
      <c r="Z70" s="195" t="s">
        <v>1</v>
      </c>
      <c r="AA70" s="74"/>
      <c r="AB70" s="74"/>
      <c r="AC70" s="74"/>
      <c r="AD70" s="75"/>
      <c r="AE70" s="25"/>
      <c r="AF70" s="25"/>
      <c r="AG70" s="25"/>
      <c r="AH70" s="74"/>
      <c r="AI70" s="74"/>
      <c r="AJ70" s="74"/>
      <c r="AK70" s="74"/>
      <c r="AL70" s="75"/>
      <c r="AM70" s="25"/>
      <c r="AN70" s="25"/>
      <c r="AO70" s="32"/>
    </row>
    <row r="71" spans="1:41" s="59" customFormat="1" ht="9.75" customHeight="1">
      <c r="A71" s="40"/>
      <c r="B71" s="193"/>
      <c r="C71" s="219"/>
      <c r="D71" s="222"/>
      <c r="E71" s="169"/>
      <c r="F71" s="170"/>
      <c r="G71" s="169"/>
      <c r="H71" s="44" t="s">
        <v>72</v>
      </c>
      <c r="I71" s="169" t="s">
        <v>23</v>
      </c>
      <c r="J71" s="44" t="s">
        <v>73</v>
      </c>
      <c r="K71" s="192" t="s">
        <v>22</v>
      </c>
      <c r="L71" s="169"/>
      <c r="M71" s="191" t="s">
        <v>22</v>
      </c>
      <c r="N71" s="45" t="s">
        <v>74</v>
      </c>
      <c r="O71" s="168"/>
      <c r="P71" s="168"/>
      <c r="Q71" s="41"/>
      <c r="R71" s="169"/>
      <c r="S71" s="168"/>
      <c r="T71" s="190" t="s">
        <v>75</v>
      </c>
      <c r="U71" s="168"/>
      <c r="V71" s="44" t="s">
        <v>22</v>
      </c>
      <c r="W71" s="45" t="s">
        <v>22</v>
      </c>
      <c r="X71" s="45" t="s">
        <v>22</v>
      </c>
      <c r="Y71" s="45" t="s">
        <v>1150</v>
      </c>
      <c r="Z71" s="189"/>
      <c r="AA71" s="33"/>
      <c r="AB71" s="33"/>
      <c r="AC71" s="33"/>
      <c r="AD71" s="34"/>
      <c r="AE71" s="35"/>
      <c r="AF71" s="35"/>
      <c r="AG71" s="35"/>
      <c r="AH71" s="33"/>
      <c r="AI71" s="33"/>
      <c r="AJ71" s="33"/>
      <c r="AK71" s="33"/>
      <c r="AL71" s="34"/>
      <c r="AM71" s="35"/>
      <c r="AN71" s="35"/>
      <c r="AO71" s="36"/>
    </row>
    <row r="72" spans="1:41" s="59" customFormat="1" ht="9.75" customHeight="1">
      <c r="A72" s="40"/>
      <c r="B72" s="193"/>
      <c r="C72" s="219"/>
      <c r="D72" s="222"/>
      <c r="E72" s="169"/>
      <c r="F72" s="170"/>
      <c r="G72" s="169"/>
      <c r="H72" s="44"/>
      <c r="I72" s="169"/>
      <c r="J72" s="44"/>
      <c r="K72" s="192"/>
      <c r="L72" s="169"/>
      <c r="M72" s="191"/>
      <c r="N72" s="45"/>
      <c r="O72" s="168"/>
      <c r="P72" s="168"/>
      <c r="Q72" s="41"/>
      <c r="R72" s="169"/>
      <c r="S72" s="168"/>
      <c r="T72" s="190"/>
      <c r="U72" s="168"/>
      <c r="V72" s="44"/>
      <c r="W72" s="45"/>
      <c r="X72" s="45"/>
      <c r="Y72" s="45"/>
      <c r="Z72" s="189"/>
      <c r="AA72" s="33"/>
      <c r="AB72" s="33"/>
      <c r="AC72" s="33"/>
      <c r="AD72" s="34"/>
      <c r="AE72" s="35"/>
      <c r="AF72" s="35"/>
      <c r="AG72" s="35"/>
      <c r="AH72" s="33"/>
      <c r="AI72" s="33"/>
      <c r="AJ72" s="33"/>
      <c r="AK72" s="33"/>
      <c r="AL72" s="34"/>
      <c r="AM72" s="35"/>
      <c r="AN72" s="35"/>
      <c r="AO72" s="36"/>
    </row>
    <row r="73" spans="1:41" s="59" customFormat="1" ht="9.75" customHeight="1">
      <c r="A73" s="40"/>
      <c r="B73" s="194"/>
      <c r="C73" s="169"/>
      <c r="D73" s="170"/>
      <c r="E73" s="218" t="s">
        <v>21</v>
      </c>
      <c r="F73" s="230" t="s">
        <v>759</v>
      </c>
      <c r="G73" s="162"/>
      <c r="H73" s="69"/>
      <c r="I73" s="162"/>
      <c r="J73" s="69"/>
      <c r="K73" s="198"/>
      <c r="L73" s="162"/>
      <c r="M73" s="197"/>
      <c r="N73" s="70"/>
      <c r="O73" s="167"/>
      <c r="P73" s="167"/>
      <c r="Q73" s="68"/>
      <c r="R73" s="162"/>
      <c r="S73" s="167"/>
      <c r="T73" s="196"/>
      <c r="U73" s="167"/>
      <c r="V73" s="69"/>
      <c r="W73" s="70"/>
      <c r="X73" s="70"/>
      <c r="Y73" s="70"/>
      <c r="Z73" s="195" t="s">
        <v>1</v>
      </c>
      <c r="AA73" s="74"/>
      <c r="AB73" s="74"/>
      <c r="AC73" s="74"/>
      <c r="AD73" s="75"/>
      <c r="AE73" s="25"/>
      <c r="AF73" s="25"/>
      <c r="AG73" s="25"/>
      <c r="AH73" s="74"/>
      <c r="AI73" s="74"/>
      <c r="AJ73" s="74"/>
      <c r="AK73" s="74"/>
      <c r="AL73" s="75"/>
      <c r="AM73" s="25"/>
      <c r="AN73" s="25"/>
      <c r="AO73" s="32"/>
    </row>
    <row r="74" spans="1:41" s="59" customFormat="1" ht="9.75" customHeight="1">
      <c r="A74" s="40"/>
      <c r="B74" s="194"/>
      <c r="C74" s="169"/>
      <c r="D74" s="193"/>
      <c r="E74" s="219"/>
      <c r="F74" s="222"/>
      <c r="G74" s="169"/>
      <c r="H74" s="44" t="s">
        <v>72</v>
      </c>
      <c r="I74" s="169" t="s">
        <v>23</v>
      </c>
      <c r="J74" s="44" t="s">
        <v>73</v>
      </c>
      <c r="K74" s="192" t="s">
        <v>22</v>
      </c>
      <c r="L74" s="169"/>
      <c r="M74" s="191" t="s">
        <v>22</v>
      </c>
      <c r="N74" s="45" t="s">
        <v>74</v>
      </c>
      <c r="O74" s="168"/>
      <c r="P74" s="168"/>
      <c r="Q74" s="170"/>
      <c r="R74" s="169"/>
      <c r="S74" s="168"/>
      <c r="T74" s="190" t="s">
        <v>75</v>
      </c>
      <c r="U74" s="168"/>
      <c r="V74" s="44" t="s">
        <v>22</v>
      </c>
      <c r="W74" s="45" t="s">
        <v>22</v>
      </c>
      <c r="X74" s="45" t="s">
        <v>22</v>
      </c>
      <c r="Y74" s="45" t="s">
        <v>1150</v>
      </c>
      <c r="Z74" s="189"/>
      <c r="AA74" s="33"/>
      <c r="AB74" s="33"/>
      <c r="AC74" s="33"/>
      <c r="AD74" s="34"/>
      <c r="AE74" s="35"/>
      <c r="AF74" s="35"/>
      <c r="AG74" s="35"/>
      <c r="AH74" s="33"/>
      <c r="AI74" s="33"/>
      <c r="AJ74" s="33"/>
      <c r="AK74" s="33"/>
      <c r="AL74" s="34"/>
      <c r="AM74" s="35"/>
      <c r="AN74" s="35"/>
      <c r="AO74" s="36"/>
    </row>
    <row r="75" spans="1:41" s="59" customFormat="1" ht="9.75" customHeight="1">
      <c r="A75" s="40"/>
      <c r="B75" s="194"/>
      <c r="C75" s="169"/>
      <c r="D75" s="193"/>
      <c r="E75" s="219"/>
      <c r="F75" s="222"/>
      <c r="G75" s="169"/>
      <c r="H75" s="44"/>
      <c r="I75" s="169"/>
      <c r="J75" s="44"/>
      <c r="K75" s="192"/>
      <c r="L75" s="169"/>
      <c r="M75" s="191"/>
      <c r="N75" s="45"/>
      <c r="O75" s="168"/>
      <c r="P75" s="168"/>
      <c r="Q75" s="170"/>
      <c r="R75" s="169"/>
      <c r="S75" s="168"/>
      <c r="T75" s="190"/>
      <c r="U75" s="168"/>
      <c r="V75" s="44"/>
      <c r="W75" s="45"/>
      <c r="X75" s="45"/>
      <c r="Y75" s="45"/>
      <c r="Z75" s="189"/>
      <c r="AA75" s="33"/>
      <c r="AB75" s="33"/>
      <c r="AC75" s="33"/>
      <c r="AD75" s="34"/>
      <c r="AE75" s="35"/>
      <c r="AF75" s="35"/>
      <c r="AG75" s="35"/>
      <c r="AH75" s="33"/>
      <c r="AI75" s="33"/>
      <c r="AJ75" s="33"/>
      <c r="AK75" s="33"/>
      <c r="AL75" s="34"/>
      <c r="AM75" s="35"/>
      <c r="AN75" s="35"/>
      <c r="AO75" s="36"/>
    </row>
    <row r="76" spans="1:41" s="59" customFormat="1" ht="9.75" customHeight="1">
      <c r="A76" s="40"/>
      <c r="B76" s="194"/>
      <c r="C76" s="169"/>
      <c r="D76" s="194"/>
      <c r="E76" s="169"/>
      <c r="F76" s="170"/>
      <c r="G76" s="169"/>
      <c r="H76" s="44"/>
      <c r="I76" s="169"/>
      <c r="J76" s="44"/>
      <c r="K76" s="192"/>
      <c r="L76" s="169"/>
      <c r="M76" s="191"/>
      <c r="N76" s="45"/>
      <c r="O76" s="168"/>
      <c r="P76" s="227" t="s">
        <v>666</v>
      </c>
      <c r="Q76" s="221" t="s">
        <v>665</v>
      </c>
      <c r="R76" s="162"/>
      <c r="S76" s="167"/>
      <c r="T76" s="196"/>
      <c r="U76" s="167"/>
      <c r="V76" s="69"/>
      <c r="W76" s="70"/>
      <c r="X76" s="70"/>
      <c r="Y76" s="70"/>
      <c r="Z76" s="195" t="s">
        <v>1</v>
      </c>
      <c r="AA76" s="74"/>
      <c r="AB76" s="74"/>
      <c r="AC76" s="74"/>
      <c r="AD76" s="75"/>
      <c r="AE76" s="25"/>
      <c r="AF76" s="25"/>
      <c r="AG76" s="25"/>
      <c r="AH76" s="74"/>
      <c r="AI76" s="74"/>
      <c r="AJ76" s="74"/>
      <c r="AK76" s="74"/>
      <c r="AL76" s="75"/>
      <c r="AM76" s="25"/>
      <c r="AN76" s="25"/>
      <c r="AO76" s="32"/>
    </row>
    <row r="77" spans="1:41" s="59" customFormat="1" ht="9.75" customHeight="1">
      <c r="A77" s="40"/>
      <c r="B77" s="194"/>
      <c r="C77" s="169"/>
      <c r="D77" s="194"/>
      <c r="E77" s="169"/>
      <c r="F77" s="170"/>
      <c r="G77" s="169"/>
      <c r="H77" s="44"/>
      <c r="I77" s="169"/>
      <c r="J77" s="44"/>
      <c r="K77" s="192"/>
      <c r="L77" s="169"/>
      <c r="M77" s="191"/>
      <c r="N77" s="45"/>
      <c r="O77" s="168"/>
      <c r="P77" s="228"/>
      <c r="Q77" s="222"/>
      <c r="R77" s="169"/>
      <c r="S77" s="168" t="s">
        <v>74</v>
      </c>
      <c r="T77" s="190" t="s">
        <v>75</v>
      </c>
      <c r="U77" s="168"/>
      <c r="V77" s="44" t="s">
        <v>22</v>
      </c>
      <c r="W77" s="45" t="s">
        <v>22</v>
      </c>
      <c r="X77" s="45" t="s">
        <v>22</v>
      </c>
      <c r="Y77" s="45" t="s">
        <v>1150</v>
      </c>
      <c r="Z77" s="189"/>
      <c r="AA77" s="33"/>
      <c r="AB77" s="33"/>
      <c r="AC77" s="33"/>
      <c r="AD77" s="34"/>
      <c r="AE77" s="35"/>
      <c r="AF77" s="35"/>
      <c r="AG77" s="35"/>
      <c r="AH77" s="33"/>
      <c r="AI77" s="33"/>
      <c r="AJ77" s="33"/>
      <c r="AK77" s="33"/>
      <c r="AL77" s="34"/>
      <c r="AM77" s="35"/>
      <c r="AN77" s="35"/>
      <c r="AO77" s="36"/>
    </row>
    <row r="78" spans="1:41" s="59" customFormat="1" ht="9.75" customHeight="1">
      <c r="A78" s="40"/>
      <c r="B78" s="194"/>
      <c r="C78" s="172"/>
      <c r="D78" s="203"/>
      <c r="E78" s="172"/>
      <c r="F78" s="173"/>
      <c r="G78" s="172"/>
      <c r="H78" s="92"/>
      <c r="I78" s="172"/>
      <c r="J78" s="92"/>
      <c r="K78" s="202"/>
      <c r="L78" s="172"/>
      <c r="M78" s="201"/>
      <c r="N78" s="48"/>
      <c r="O78" s="174"/>
      <c r="P78" s="229"/>
      <c r="Q78" s="223"/>
      <c r="R78" s="172"/>
      <c r="S78" s="174"/>
      <c r="T78" s="200"/>
      <c r="U78" s="174"/>
      <c r="V78" s="92"/>
      <c r="W78" s="48"/>
      <c r="X78" s="48"/>
      <c r="Y78" s="48"/>
      <c r="Z78" s="199"/>
      <c r="AA78" s="95"/>
      <c r="AB78" s="95"/>
      <c r="AC78" s="95"/>
      <c r="AD78" s="96"/>
      <c r="AE78" s="97"/>
      <c r="AF78" s="97"/>
      <c r="AG78" s="97"/>
      <c r="AH78" s="95"/>
      <c r="AI78" s="95"/>
      <c r="AJ78" s="95"/>
      <c r="AK78" s="95"/>
      <c r="AL78" s="96"/>
      <c r="AM78" s="97"/>
      <c r="AN78" s="97"/>
      <c r="AO78" s="98"/>
    </row>
    <row r="79" spans="1:41" s="59" customFormat="1" ht="9.75" customHeight="1">
      <c r="A79" s="40"/>
      <c r="B79" s="170"/>
      <c r="C79" s="218" t="s">
        <v>32</v>
      </c>
      <c r="D79" s="221" t="s">
        <v>675</v>
      </c>
      <c r="E79" s="162"/>
      <c r="F79" s="163"/>
      <c r="G79" s="162"/>
      <c r="H79" s="69"/>
      <c r="I79" s="162"/>
      <c r="J79" s="69"/>
      <c r="K79" s="198"/>
      <c r="L79" s="162"/>
      <c r="M79" s="197"/>
      <c r="N79" s="70"/>
      <c r="O79" s="167"/>
      <c r="P79" s="167"/>
      <c r="Q79" s="68"/>
      <c r="R79" s="162"/>
      <c r="S79" s="167"/>
      <c r="T79" s="196"/>
      <c r="U79" s="167"/>
      <c r="V79" s="69"/>
      <c r="W79" s="70"/>
      <c r="X79" s="70"/>
      <c r="Y79" s="70"/>
      <c r="Z79" s="195" t="s">
        <v>1</v>
      </c>
      <c r="AA79" s="74"/>
      <c r="AB79" s="74"/>
      <c r="AC79" s="74"/>
      <c r="AD79" s="75"/>
      <c r="AE79" s="25"/>
      <c r="AF79" s="25"/>
      <c r="AG79" s="25"/>
      <c r="AH79" s="74"/>
      <c r="AI79" s="74"/>
      <c r="AJ79" s="74"/>
      <c r="AK79" s="74"/>
      <c r="AL79" s="75"/>
      <c r="AM79" s="25"/>
      <c r="AN79" s="25"/>
      <c r="AO79" s="32"/>
    </row>
    <row r="80" spans="1:41" s="59" customFormat="1" ht="9.75" customHeight="1">
      <c r="A80" s="40"/>
      <c r="B80" s="193"/>
      <c r="C80" s="219"/>
      <c r="D80" s="222"/>
      <c r="E80" s="169"/>
      <c r="F80" s="170"/>
      <c r="G80" s="169"/>
      <c r="H80" s="44" t="s">
        <v>1149</v>
      </c>
      <c r="I80" s="169" t="s">
        <v>23</v>
      </c>
      <c r="J80" s="44" t="s">
        <v>1144</v>
      </c>
      <c r="K80" s="192" t="s">
        <v>22</v>
      </c>
      <c r="L80" s="169"/>
      <c r="M80" s="191" t="s">
        <v>22</v>
      </c>
      <c r="N80" s="45" t="s">
        <v>1148</v>
      </c>
      <c r="O80" s="168"/>
      <c r="P80" s="168"/>
      <c r="Q80" s="41"/>
      <c r="R80" s="169"/>
      <c r="S80" s="168"/>
      <c r="T80" s="190" t="s">
        <v>1147</v>
      </c>
      <c r="U80" s="168"/>
      <c r="V80" s="44" t="s">
        <v>22</v>
      </c>
      <c r="W80" s="45" t="s">
        <v>22</v>
      </c>
      <c r="X80" s="45" t="s">
        <v>22</v>
      </c>
      <c r="Y80" s="45" t="s">
        <v>1146</v>
      </c>
      <c r="Z80" s="189"/>
      <c r="AA80" s="33"/>
      <c r="AB80" s="33"/>
      <c r="AC80" s="33"/>
      <c r="AD80" s="34"/>
      <c r="AE80" s="35"/>
      <c r="AF80" s="35"/>
      <c r="AG80" s="35"/>
      <c r="AH80" s="33"/>
      <c r="AI80" s="33"/>
      <c r="AJ80" s="33"/>
      <c r="AK80" s="33"/>
      <c r="AL80" s="34"/>
      <c r="AM80" s="35"/>
      <c r="AN80" s="35"/>
      <c r="AO80" s="36"/>
    </row>
    <row r="81" spans="1:46" s="59" customFormat="1" ht="9.75" customHeight="1">
      <c r="A81" s="40"/>
      <c r="B81" s="193"/>
      <c r="C81" s="219"/>
      <c r="D81" s="222"/>
      <c r="E81" s="169"/>
      <c r="F81" s="170"/>
      <c r="G81" s="169"/>
      <c r="H81" s="44"/>
      <c r="I81" s="169"/>
      <c r="J81" s="44"/>
      <c r="K81" s="192"/>
      <c r="L81" s="169"/>
      <c r="M81" s="191"/>
      <c r="N81" s="45"/>
      <c r="O81" s="168"/>
      <c r="P81" s="168"/>
      <c r="Q81" s="41"/>
      <c r="R81" s="169"/>
      <c r="S81" s="168"/>
      <c r="T81" s="190"/>
      <c r="U81" s="168"/>
      <c r="V81" s="44"/>
      <c r="W81" s="45"/>
      <c r="X81" s="45"/>
      <c r="Y81" s="45"/>
      <c r="Z81" s="189"/>
      <c r="AA81" s="33"/>
      <c r="AB81" s="33"/>
      <c r="AC81" s="33"/>
      <c r="AD81" s="34"/>
      <c r="AE81" s="35"/>
      <c r="AF81" s="35"/>
      <c r="AG81" s="35"/>
      <c r="AH81" s="33"/>
      <c r="AI81" s="33"/>
      <c r="AJ81" s="33"/>
      <c r="AK81" s="33"/>
      <c r="AL81" s="34"/>
      <c r="AM81" s="35"/>
      <c r="AN81" s="35"/>
      <c r="AO81" s="36"/>
    </row>
    <row r="82" spans="1:46" s="59" customFormat="1" ht="9.75" customHeight="1">
      <c r="A82" s="40"/>
      <c r="B82" s="194"/>
      <c r="C82" s="169"/>
      <c r="D82" s="170"/>
      <c r="E82" s="218" t="s">
        <v>21</v>
      </c>
      <c r="F82" s="221" t="s">
        <v>673</v>
      </c>
      <c r="G82" s="162"/>
      <c r="H82" s="69"/>
      <c r="I82" s="162"/>
      <c r="J82" s="69"/>
      <c r="K82" s="198"/>
      <c r="L82" s="162"/>
      <c r="M82" s="197"/>
      <c r="N82" s="70"/>
      <c r="O82" s="167"/>
      <c r="P82" s="167"/>
      <c r="Q82" s="68"/>
      <c r="R82" s="162"/>
      <c r="S82" s="167"/>
      <c r="T82" s="196"/>
      <c r="U82" s="167"/>
      <c r="V82" s="69"/>
      <c r="W82" s="70"/>
      <c r="X82" s="70"/>
      <c r="Y82" s="70"/>
      <c r="Z82" s="195" t="s">
        <v>1</v>
      </c>
      <c r="AA82" s="74"/>
      <c r="AB82" s="74"/>
      <c r="AC82" s="74"/>
      <c r="AD82" s="75"/>
      <c r="AE82" s="25"/>
      <c r="AF82" s="25"/>
      <c r="AG82" s="25"/>
      <c r="AH82" s="74"/>
      <c r="AI82" s="74"/>
      <c r="AJ82" s="74"/>
      <c r="AK82" s="74"/>
      <c r="AL82" s="75"/>
      <c r="AM82" s="25"/>
      <c r="AN82" s="25"/>
      <c r="AO82" s="32"/>
    </row>
    <row r="83" spans="1:46" s="59" customFormat="1" ht="9.75" customHeight="1">
      <c r="A83" s="40"/>
      <c r="B83" s="194"/>
      <c r="C83" s="169"/>
      <c r="D83" s="193"/>
      <c r="E83" s="219"/>
      <c r="F83" s="222"/>
      <c r="G83" s="169"/>
      <c r="H83" s="44" t="s">
        <v>1145</v>
      </c>
      <c r="I83" s="169" t="s">
        <v>23</v>
      </c>
      <c r="J83" s="44" t="s">
        <v>1144</v>
      </c>
      <c r="K83" s="192" t="s">
        <v>22</v>
      </c>
      <c r="L83" s="169"/>
      <c r="M83" s="191" t="s">
        <v>22</v>
      </c>
      <c r="N83" s="45" t="s">
        <v>1142</v>
      </c>
      <c r="O83" s="168"/>
      <c r="P83" s="168"/>
      <c r="Q83" s="170"/>
      <c r="R83" s="169"/>
      <c r="S83" s="168"/>
      <c r="T83" s="190" t="s">
        <v>1141</v>
      </c>
      <c r="U83" s="168"/>
      <c r="V83" s="44" t="s">
        <v>22</v>
      </c>
      <c r="W83" s="45" t="s">
        <v>22</v>
      </c>
      <c r="X83" s="45" t="s">
        <v>22</v>
      </c>
      <c r="Y83" s="45" t="s">
        <v>1140</v>
      </c>
      <c r="Z83" s="189"/>
      <c r="AA83" s="33"/>
      <c r="AB83" s="33"/>
      <c r="AC83" s="33"/>
      <c r="AD83" s="34"/>
      <c r="AE83" s="35"/>
      <c r="AF83" s="35"/>
      <c r="AG83" s="35"/>
      <c r="AH83" s="33"/>
      <c r="AI83" s="33"/>
      <c r="AJ83" s="33"/>
      <c r="AK83" s="33"/>
      <c r="AL83" s="34"/>
      <c r="AM83" s="35"/>
      <c r="AN83" s="35"/>
      <c r="AO83" s="36"/>
    </row>
    <row r="84" spans="1:46" s="59" customFormat="1" ht="9.75" customHeight="1">
      <c r="A84" s="77"/>
      <c r="B84" s="179"/>
      <c r="C84" s="79"/>
      <c r="D84" s="217"/>
      <c r="E84" s="316"/>
      <c r="F84" s="313"/>
      <c r="G84" s="79"/>
      <c r="H84" s="80"/>
      <c r="I84" s="79"/>
      <c r="J84" s="80"/>
      <c r="K84" s="178"/>
      <c r="L84" s="79"/>
      <c r="M84" s="177"/>
      <c r="N84" s="81"/>
      <c r="O84" s="82"/>
      <c r="P84" s="82"/>
      <c r="Q84" s="101"/>
      <c r="R84" s="79"/>
      <c r="S84" s="82"/>
      <c r="T84" s="176"/>
      <c r="U84" s="82"/>
      <c r="V84" s="80"/>
      <c r="W84" s="81"/>
      <c r="X84" s="81"/>
      <c r="Y84" s="81"/>
      <c r="Z84" s="216"/>
      <c r="AA84" s="85"/>
      <c r="AB84" s="85"/>
      <c r="AC84" s="85"/>
      <c r="AD84" s="86"/>
      <c r="AE84" s="87"/>
      <c r="AF84" s="87"/>
      <c r="AG84" s="87"/>
      <c r="AH84" s="85"/>
      <c r="AI84" s="85"/>
      <c r="AJ84" s="85"/>
      <c r="AK84" s="85"/>
      <c r="AL84" s="86"/>
      <c r="AM84" s="87"/>
      <c r="AN84" s="87"/>
      <c r="AO84" s="88"/>
    </row>
    <row r="85" spans="1:46" ht="9.75" customHeight="1">
      <c r="Z85" s="39"/>
      <c r="AA85" s="39"/>
      <c r="AB85" s="39"/>
      <c r="AC85" s="39"/>
      <c r="AD85" s="39"/>
      <c r="AE85" s="39"/>
      <c r="AF85" s="39"/>
      <c r="AG85" s="39"/>
      <c r="AH85" s="39"/>
      <c r="AI85" s="39"/>
      <c r="AJ85" s="39"/>
      <c r="AK85" s="39"/>
      <c r="AL85" s="39"/>
      <c r="AM85" s="39"/>
      <c r="AN85" s="39"/>
      <c r="AO85" s="39"/>
    </row>
    <row r="88" spans="1:46" s="2" customFormat="1" ht="3.75" customHeight="1">
      <c r="A88" s="212"/>
      <c r="B88" s="212"/>
      <c r="C88" s="212"/>
      <c r="D88" s="212"/>
      <c r="E88" s="212"/>
      <c r="F88" s="212"/>
      <c r="G88" s="212"/>
      <c r="H88" s="212"/>
      <c r="I88" s="212"/>
      <c r="J88" s="212"/>
      <c r="K88" s="212"/>
      <c r="L88" s="212"/>
      <c r="M88" s="212"/>
      <c r="N88" s="212"/>
      <c r="O88" s="212"/>
      <c r="P88" s="212"/>
      <c r="Q88" s="212"/>
      <c r="R88" s="212"/>
      <c r="S88" s="212"/>
      <c r="T88" s="212"/>
      <c r="U88" s="212"/>
      <c r="V88" s="212"/>
      <c r="W88" s="212"/>
      <c r="X88" s="212"/>
      <c r="Y88" s="212"/>
      <c r="Z88" s="212"/>
      <c r="AA88" s="212"/>
      <c r="AB88" s="212"/>
      <c r="AC88" s="212"/>
      <c r="AD88" s="212"/>
      <c r="AE88" s="212"/>
      <c r="AF88" s="212"/>
      <c r="AG88" s="212"/>
      <c r="AH88" s="212"/>
      <c r="AI88" s="212"/>
      <c r="AJ88" s="212"/>
      <c r="AK88" s="212"/>
      <c r="AL88" s="212"/>
      <c r="AM88" s="212"/>
      <c r="AN88" s="212"/>
      <c r="AO88" s="212"/>
      <c r="AP88" s="212"/>
      <c r="AQ88" s="212"/>
      <c r="AR88" s="211"/>
      <c r="AS88" s="211"/>
      <c r="AT88" s="211"/>
    </row>
    <row r="89" spans="1:46" s="2" customFormat="1" ht="11.25" customHeight="1">
      <c r="A89" s="5"/>
      <c r="B89" s="5"/>
      <c r="C89" s="5"/>
      <c r="D89" s="5"/>
      <c r="E89" s="5"/>
      <c r="F89" s="5"/>
      <c r="G89" s="5"/>
      <c r="H89" s="5"/>
      <c r="I89" s="5"/>
      <c r="J89" s="5"/>
      <c r="K89" s="5"/>
      <c r="L89" s="5"/>
      <c r="M89" s="5"/>
      <c r="N89" s="5"/>
      <c r="O89" s="5"/>
      <c r="P89" s="5"/>
      <c r="Q89" s="5"/>
      <c r="R89" s="5"/>
      <c r="S89" s="5"/>
      <c r="T89" s="5"/>
      <c r="U89" s="5"/>
      <c r="V89" s="5"/>
      <c r="W89" s="5"/>
      <c r="X89" s="5"/>
      <c r="Y89" s="5"/>
      <c r="Z89" s="5"/>
      <c r="AA89" s="5"/>
      <c r="AB89" s="5"/>
      <c r="AC89" s="5"/>
      <c r="AD89" s="5"/>
      <c r="AE89" s="5"/>
      <c r="AF89" s="5"/>
      <c r="AG89" s="5"/>
      <c r="AH89" s="5"/>
      <c r="AI89" s="5"/>
      <c r="AJ89" s="5"/>
      <c r="AK89" s="5"/>
      <c r="AL89" s="5"/>
      <c r="AM89" s="5"/>
      <c r="AN89" s="5"/>
      <c r="AO89" s="5"/>
      <c r="AP89" s="5"/>
      <c r="AQ89" s="5"/>
      <c r="AR89" s="7"/>
      <c r="AS89" s="7"/>
      <c r="AT89" s="7"/>
    </row>
    <row r="90" spans="1:46" s="2" customFormat="1" ht="26.25" customHeight="1">
      <c r="A90" s="210"/>
      <c r="B90" s="8" t="s">
        <v>720</v>
      </c>
      <c r="C90" s="209"/>
      <c r="D90" s="133" t="s">
        <v>1143</v>
      </c>
      <c r="E90" s="8"/>
      <c r="F90" s="8"/>
      <c r="G90" s="8"/>
      <c r="H90" s="8"/>
      <c r="I90" s="8"/>
      <c r="J90" s="8"/>
      <c r="K90" s="8"/>
      <c r="L90" s="8"/>
      <c r="M90" s="8"/>
      <c r="N90" s="8"/>
      <c r="O90" s="8"/>
      <c r="P90" s="8"/>
      <c r="Q90" s="8"/>
      <c r="R90" s="8"/>
      <c r="S90" s="8"/>
      <c r="T90" s="5"/>
      <c r="U90" s="5"/>
      <c r="V90" s="5"/>
      <c r="W90" s="5"/>
      <c r="X90" s="5"/>
      <c r="Y90" s="5"/>
      <c r="Z90" s="5"/>
      <c r="AA90" s="5"/>
      <c r="AB90" s="5"/>
      <c r="AC90" s="5"/>
      <c r="AD90" s="5"/>
      <c r="AE90" s="5"/>
      <c r="AF90" s="5"/>
      <c r="AG90" s="5"/>
      <c r="AH90" s="5"/>
      <c r="AI90" s="5"/>
      <c r="AJ90" s="5"/>
      <c r="AK90" s="5"/>
      <c r="AL90" s="5"/>
      <c r="AM90" s="5"/>
      <c r="AN90" s="5"/>
      <c r="AO90" s="208" t="s">
        <v>1</v>
      </c>
      <c r="AP90" s="5"/>
      <c r="AQ90" s="5"/>
      <c r="AR90" s="7"/>
      <c r="AS90" s="7"/>
      <c r="AT90" s="7"/>
    </row>
    <row r="91" spans="1:46" ht="14.25" customHeight="1">
      <c r="A91" s="233" t="s">
        <v>2</v>
      </c>
      <c r="B91" s="234"/>
      <c r="C91" s="239" t="s">
        <v>3</v>
      </c>
      <c r="D91" s="234"/>
      <c r="E91" s="239" t="s">
        <v>4</v>
      </c>
      <c r="F91" s="234"/>
      <c r="G91" s="242" t="s">
        <v>5</v>
      </c>
      <c r="H91" s="243"/>
      <c r="I91" s="243"/>
      <c r="J91" s="243"/>
      <c r="K91" s="243"/>
      <c r="L91" s="243"/>
      <c r="M91" s="243"/>
      <c r="N91" s="243"/>
      <c r="O91" s="243"/>
      <c r="P91" s="243"/>
      <c r="Q91" s="243"/>
      <c r="R91" s="243"/>
      <c r="S91" s="243"/>
      <c r="T91" s="290" t="s">
        <v>718</v>
      </c>
      <c r="U91" s="243" t="s">
        <v>717</v>
      </c>
      <c r="V91" s="243"/>
      <c r="W91" s="243"/>
      <c r="X91" s="244"/>
      <c r="Y91" s="275" t="s">
        <v>716</v>
      </c>
      <c r="Z91" s="239" t="s">
        <v>10</v>
      </c>
      <c r="AA91" s="251"/>
      <c r="AB91" s="251"/>
      <c r="AC91" s="251"/>
      <c r="AD91" s="251"/>
      <c r="AE91" s="251"/>
      <c r="AF91" s="251"/>
      <c r="AG91" s="251"/>
      <c r="AH91" s="251"/>
      <c r="AI91" s="251"/>
      <c r="AJ91" s="251"/>
      <c r="AK91" s="251"/>
      <c r="AL91" s="251"/>
      <c r="AM91" s="251"/>
      <c r="AN91" s="251"/>
      <c r="AO91" s="245"/>
      <c r="AP91" s="15"/>
      <c r="AQ91" s="15"/>
      <c r="AR91" s="16"/>
      <c r="AS91" s="16"/>
      <c r="AT91" s="16"/>
    </row>
    <row r="92" spans="1:46" ht="14.25" customHeight="1">
      <c r="A92" s="235"/>
      <c r="B92" s="236"/>
      <c r="C92" s="240"/>
      <c r="D92" s="236"/>
      <c r="E92" s="240"/>
      <c r="F92" s="236"/>
      <c r="G92" s="276" t="s">
        <v>11</v>
      </c>
      <c r="H92" s="254"/>
      <c r="I92" s="276" t="s">
        <v>12</v>
      </c>
      <c r="J92" s="254"/>
      <c r="K92" s="255" t="s">
        <v>715</v>
      </c>
      <c r="L92" s="279" t="s">
        <v>714</v>
      </c>
      <c r="M92" s="280"/>
      <c r="N92" s="258" t="s">
        <v>14</v>
      </c>
      <c r="O92" s="164"/>
      <c r="P92" s="261" t="s">
        <v>15</v>
      </c>
      <c r="Q92" s="261"/>
      <c r="R92" s="261"/>
      <c r="S92" s="261"/>
      <c r="T92" s="291"/>
      <c r="U92" s="285" t="s">
        <v>713</v>
      </c>
      <c r="V92" s="221"/>
      <c r="W92" s="258" t="s">
        <v>712</v>
      </c>
      <c r="X92" s="258" t="s">
        <v>711</v>
      </c>
      <c r="Y92" s="259"/>
      <c r="Z92" s="240"/>
      <c r="AA92" s="250"/>
      <c r="AB92" s="250"/>
      <c r="AC92" s="250"/>
      <c r="AD92" s="250"/>
      <c r="AE92" s="250"/>
      <c r="AF92" s="250"/>
      <c r="AG92" s="250"/>
      <c r="AH92" s="250"/>
      <c r="AI92" s="250"/>
      <c r="AJ92" s="250"/>
      <c r="AK92" s="250"/>
      <c r="AL92" s="250"/>
      <c r="AM92" s="250"/>
      <c r="AN92" s="250"/>
      <c r="AO92" s="246"/>
      <c r="AP92" s="15"/>
      <c r="AQ92" s="15"/>
      <c r="AR92" s="16"/>
      <c r="AS92" s="16"/>
      <c r="AT92" s="16"/>
    </row>
    <row r="93" spans="1:46" ht="4.5" customHeight="1">
      <c r="A93" s="235"/>
      <c r="B93" s="236"/>
      <c r="C93" s="240"/>
      <c r="D93" s="236"/>
      <c r="E93" s="240"/>
      <c r="F93" s="236"/>
      <c r="G93" s="240"/>
      <c r="H93" s="236"/>
      <c r="I93" s="240"/>
      <c r="J93" s="236"/>
      <c r="K93" s="277"/>
      <c r="L93" s="281"/>
      <c r="M93" s="282"/>
      <c r="N93" s="259"/>
      <c r="O93" s="165"/>
      <c r="P93" s="263" t="s">
        <v>16</v>
      </c>
      <c r="Q93" s="254"/>
      <c r="R93" s="253" t="s">
        <v>17</v>
      </c>
      <c r="S93" s="263"/>
      <c r="T93" s="291"/>
      <c r="U93" s="286"/>
      <c r="V93" s="287"/>
      <c r="W93" s="259"/>
      <c r="X93" s="259"/>
      <c r="Y93" s="259"/>
      <c r="Z93" s="240"/>
      <c r="AA93" s="250"/>
      <c r="AB93" s="250"/>
      <c r="AC93" s="250"/>
      <c r="AD93" s="250"/>
      <c r="AE93" s="250"/>
      <c r="AF93" s="250"/>
      <c r="AG93" s="250"/>
      <c r="AH93" s="250"/>
      <c r="AI93" s="250"/>
      <c r="AJ93" s="250"/>
      <c r="AK93" s="250"/>
      <c r="AL93" s="250"/>
      <c r="AM93" s="250"/>
      <c r="AN93" s="250"/>
      <c r="AO93" s="246"/>
      <c r="AP93" s="15"/>
      <c r="AQ93" s="15"/>
      <c r="AR93" s="16"/>
      <c r="AS93" s="16"/>
      <c r="AT93" s="16"/>
    </row>
    <row r="94" spans="1:46" ht="9" customHeight="1">
      <c r="A94" s="237"/>
      <c r="B94" s="238"/>
      <c r="C94" s="241"/>
      <c r="D94" s="238"/>
      <c r="E94" s="241"/>
      <c r="F94" s="238"/>
      <c r="G94" s="241"/>
      <c r="H94" s="238"/>
      <c r="I94" s="241"/>
      <c r="J94" s="238"/>
      <c r="K94" s="278"/>
      <c r="L94" s="283"/>
      <c r="M94" s="284"/>
      <c r="N94" s="260"/>
      <c r="O94" s="166"/>
      <c r="P94" s="252"/>
      <c r="Q94" s="238"/>
      <c r="R94" s="241"/>
      <c r="S94" s="252"/>
      <c r="T94" s="292"/>
      <c r="U94" s="288"/>
      <c r="V94" s="289"/>
      <c r="W94" s="260"/>
      <c r="X94" s="260"/>
      <c r="Y94" s="260"/>
      <c r="Z94" s="241"/>
      <c r="AA94" s="252"/>
      <c r="AB94" s="252"/>
      <c r="AC94" s="252"/>
      <c r="AD94" s="252"/>
      <c r="AE94" s="252"/>
      <c r="AF94" s="252"/>
      <c r="AG94" s="252"/>
      <c r="AH94" s="252"/>
      <c r="AI94" s="252"/>
      <c r="AJ94" s="252"/>
      <c r="AK94" s="252"/>
      <c r="AL94" s="252"/>
      <c r="AM94" s="252"/>
      <c r="AN94" s="252"/>
      <c r="AO94" s="247"/>
      <c r="AP94" s="15"/>
      <c r="AQ94" s="15"/>
      <c r="AR94" s="16"/>
      <c r="AS94" s="16"/>
      <c r="AT94" s="16"/>
    </row>
    <row r="95" spans="1:46" s="39" customFormat="1" ht="9" customHeight="1">
      <c r="A95" s="23"/>
      <c r="B95" s="24"/>
      <c r="C95" s="25"/>
      <c r="D95" s="24"/>
      <c r="E95" s="25"/>
      <c r="F95" s="24"/>
      <c r="G95" s="26"/>
      <c r="H95" s="27" t="s">
        <v>18</v>
      </c>
      <c r="I95" s="26"/>
      <c r="J95" s="27" t="s">
        <v>18</v>
      </c>
      <c r="K95" s="28" t="s">
        <v>18</v>
      </c>
      <c r="L95" s="26"/>
      <c r="M95" s="27" t="s">
        <v>18</v>
      </c>
      <c r="N95" s="29" t="s">
        <v>18</v>
      </c>
      <c r="O95" s="35"/>
      <c r="P95" s="35"/>
      <c r="Q95" s="27"/>
      <c r="R95" s="26"/>
      <c r="S95" s="35" t="s">
        <v>18</v>
      </c>
      <c r="T95" s="207" t="s">
        <v>18</v>
      </c>
      <c r="U95" s="35"/>
      <c r="V95" s="27" t="s">
        <v>18</v>
      </c>
      <c r="W95" s="28" t="s">
        <v>18</v>
      </c>
      <c r="X95" s="28" t="s">
        <v>18</v>
      </c>
      <c r="Y95" s="28" t="s">
        <v>18</v>
      </c>
      <c r="Z95" s="195"/>
      <c r="AA95" s="33"/>
      <c r="AB95" s="33"/>
      <c r="AC95" s="33"/>
      <c r="AD95" s="34"/>
      <c r="AE95" s="35"/>
      <c r="AF95" s="35"/>
      <c r="AG95" s="35"/>
      <c r="AH95" s="33"/>
      <c r="AI95" s="33"/>
      <c r="AJ95" s="33"/>
      <c r="AK95" s="33"/>
      <c r="AL95" s="34"/>
      <c r="AM95" s="35"/>
      <c r="AN95" s="35"/>
      <c r="AO95" s="36"/>
      <c r="AP95" s="37"/>
      <c r="AQ95" s="37"/>
      <c r="AR95" s="38"/>
      <c r="AS95" s="38"/>
      <c r="AT95" s="38"/>
    </row>
    <row r="96" spans="1:46" s="59" customFormat="1" ht="9.75" customHeight="1">
      <c r="A96" s="40"/>
      <c r="B96" s="194"/>
      <c r="C96" s="169"/>
      <c r="D96" s="194"/>
      <c r="E96" s="169"/>
      <c r="F96" s="170"/>
      <c r="G96" s="169"/>
      <c r="H96" s="44"/>
      <c r="I96" s="169"/>
      <c r="J96" s="44"/>
      <c r="K96" s="192"/>
      <c r="L96" s="169"/>
      <c r="M96" s="191"/>
      <c r="N96" s="45"/>
      <c r="O96" s="168"/>
      <c r="P96" s="312" t="s">
        <v>749</v>
      </c>
      <c r="Q96" s="311" t="s">
        <v>748</v>
      </c>
      <c r="R96" s="169"/>
      <c r="S96" s="168"/>
      <c r="T96" s="190"/>
      <c r="U96" s="168"/>
      <c r="V96" s="44"/>
      <c r="W96" s="45"/>
      <c r="X96" s="45"/>
      <c r="Y96" s="45"/>
      <c r="Z96" s="189" t="s">
        <v>1</v>
      </c>
      <c r="AA96" s="33"/>
      <c r="AB96" s="33"/>
      <c r="AC96" s="33"/>
      <c r="AD96" s="34"/>
      <c r="AE96" s="35"/>
      <c r="AF96" s="35"/>
      <c r="AG96" s="35"/>
      <c r="AH96" s="33"/>
      <c r="AI96" s="33"/>
      <c r="AJ96" s="33"/>
      <c r="AK96" s="33"/>
      <c r="AL96" s="34"/>
      <c r="AM96" s="35"/>
      <c r="AN96" s="35"/>
      <c r="AO96" s="36"/>
    </row>
    <row r="97" spans="1:41" s="59" customFormat="1" ht="9.75" customHeight="1">
      <c r="A97" s="40"/>
      <c r="B97" s="194"/>
      <c r="C97" s="169"/>
      <c r="D97" s="194"/>
      <c r="E97" s="169"/>
      <c r="F97" s="170"/>
      <c r="G97" s="169"/>
      <c r="H97" s="44"/>
      <c r="I97" s="169"/>
      <c r="J97" s="44"/>
      <c r="K97" s="192"/>
      <c r="L97" s="169"/>
      <c r="M97" s="191"/>
      <c r="N97" s="45"/>
      <c r="O97" s="168"/>
      <c r="P97" s="228"/>
      <c r="Q97" s="222"/>
      <c r="R97" s="169"/>
      <c r="S97" s="168" t="s">
        <v>1142</v>
      </c>
      <c r="T97" s="190" t="s">
        <v>1141</v>
      </c>
      <c r="U97" s="168"/>
      <c r="V97" s="44" t="s">
        <v>22</v>
      </c>
      <c r="W97" s="45" t="s">
        <v>22</v>
      </c>
      <c r="X97" s="45" t="s">
        <v>22</v>
      </c>
      <c r="Y97" s="45" t="s">
        <v>1140</v>
      </c>
      <c r="Z97" s="189"/>
      <c r="AA97" s="33"/>
      <c r="AB97" s="33"/>
      <c r="AC97" s="33"/>
      <c r="AD97" s="34"/>
      <c r="AE97" s="35"/>
      <c r="AF97" s="35"/>
      <c r="AG97" s="35"/>
      <c r="AH97" s="33"/>
      <c r="AI97" s="33"/>
      <c r="AJ97" s="33"/>
      <c r="AK97" s="33"/>
      <c r="AL97" s="34"/>
      <c r="AM97" s="35"/>
      <c r="AN97" s="35"/>
      <c r="AO97" s="36"/>
    </row>
    <row r="98" spans="1:41" s="59" customFormat="1" ht="9.75" customHeight="1">
      <c r="A98" s="40"/>
      <c r="B98" s="194"/>
      <c r="C98" s="169"/>
      <c r="D98" s="194"/>
      <c r="E98" s="169"/>
      <c r="F98" s="170"/>
      <c r="G98" s="169"/>
      <c r="H98" s="44"/>
      <c r="I98" s="169"/>
      <c r="J98" s="44"/>
      <c r="K98" s="192"/>
      <c r="L98" s="169"/>
      <c r="M98" s="191"/>
      <c r="N98" s="45"/>
      <c r="O98" s="168"/>
      <c r="P98" s="229"/>
      <c r="Q98" s="223"/>
      <c r="R98" s="169"/>
      <c r="S98" s="168"/>
      <c r="T98" s="190"/>
      <c r="U98" s="168"/>
      <c r="V98" s="44"/>
      <c r="W98" s="45"/>
      <c r="X98" s="45"/>
      <c r="Y98" s="45"/>
      <c r="Z98" s="189"/>
      <c r="AA98" s="33"/>
      <c r="AB98" s="33"/>
      <c r="AC98" s="33"/>
      <c r="AD98" s="34"/>
      <c r="AE98" s="35"/>
      <c r="AF98" s="35"/>
      <c r="AG98" s="35"/>
      <c r="AH98" s="33"/>
      <c r="AI98" s="33"/>
      <c r="AJ98" s="33"/>
      <c r="AK98" s="33"/>
      <c r="AL98" s="34"/>
      <c r="AM98" s="35"/>
      <c r="AN98" s="35"/>
      <c r="AO98" s="36"/>
    </row>
    <row r="99" spans="1:41" s="59" customFormat="1" ht="9.75" customHeight="1">
      <c r="A99" s="40"/>
      <c r="B99" s="193"/>
      <c r="C99" s="169"/>
      <c r="D99" s="170"/>
      <c r="E99" s="218" t="s">
        <v>25</v>
      </c>
      <c r="F99" s="221" t="s">
        <v>671</v>
      </c>
      <c r="G99" s="162"/>
      <c r="H99" s="69"/>
      <c r="I99" s="162"/>
      <c r="J99" s="69"/>
      <c r="K99" s="198"/>
      <c r="L99" s="162"/>
      <c r="M99" s="197"/>
      <c r="N99" s="70"/>
      <c r="O99" s="167"/>
      <c r="P99" s="167"/>
      <c r="Q99" s="68"/>
      <c r="R99" s="162"/>
      <c r="S99" s="167"/>
      <c r="T99" s="196"/>
      <c r="U99" s="167"/>
      <c r="V99" s="69"/>
      <c r="W99" s="70"/>
      <c r="X99" s="70"/>
      <c r="Y99" s="70"/>
      <c r="Z99" s="195" t="s">
        <v>1</v>
      </c>
      <c r="AA99" s="74"/>
      <c r="AB99" s="74"/>
      <c r="AC99" s="74"/>
      <c r="AD99" s="75"/>
      <c r="AE99" s="25"/>
      <c r="AF99" s="25"/>
      <c r="AG99" s="25"/>
      <c r="AH99" s="74"/>
      <c r="AI99" s="74"/>
      <c r="AJ99" s="74"/>
      <c r="AK99" s="74"/>
      <c r="AL99" s="75"/>
      <c r="AM99" s="25"/>
      <c r="AN99" s="25"/>
      <c r="AO99" s="32"/>
    </row>
    <row r="100" spans="1:41" s="59" customFormat="1" ht="9.75" customHeight="1">
      <c r="A100" s="40"/>
      <c r="B100" s="193"/>
      <c r="C100" s="169"/>
      <c r="D100" s="193"/>
      <c r="E100" s="219"/>
      <c r="F100" s="222"/>
      <c r="G100" s="169"/>
      <c r="H100" s="44" t="s">
        <v>1139</v>
      </c>
      <c r="I100" s="169"/>
      <c r="J100" s="44" t="s">
        <v>22</v>
      </c>
      <c r="K100" s="192" t="s">
        <v>22</v>
      </c>
      <c r="L100" s="169"/>
      <c r="M100" s="191" t="s">
        <v>22</v>
      </c>
      <c r="N100" s="45" t="s">
        <v>1139</v>
      </c>
      <c r="O100" s="168"/>
      <c r="P100" s="168"/>
      <c r="Q100" s="41"/>
      <c r="R100" s="169"/>
      <c r="S100" s="168"/>
      <c r="T100" s="190" t="s">
        <v>1138</v>
      </c>
      <c r="U100" s="168"/>
      <c r="V100" s="44" t="s">
        <v>22</v>
      </c>
      <c r="W100" s="45" t="s">
        <v>22</v>
      </c>
      <c r="X100" s="45" t="s">
        <v>22</v>
      </c>
      <c r="Y100" s="45" t="s">
        <v>1137</v>
      </c>
      <c r="Z100" s="189"/>
      <c r="AA100" s="33"/>
      <c r="AB100" s="33"/>
      <c r="AC100" s="33"/>
      <c r="AD100" s="34"/>
      <c r="AE100" s="35"/>
      <c r="AF100" s="35"/>
      <c r="AG100" s="35"/>
      <c r="AH100" s="33"/>
      <c r="AI100" s="33"/>
      <c r="AJ100" s="33"/>
      <c r="AK100" s="33"/>
      <c r="AL100" s="34"/>
      <c r="AM100" s="35"/>
      <c r="AN100" s="35"/>
      <c r="AO100" s="36"/>
    </row>
    <row r="101" spans="1:41" s="59" customFormat="1" ht="9.75" customHeight="1">
      <c r="A101" s="40"/>
      <c r="B101" s="193"/>
      <c r="C101" s="169"/>
      <c r="D101" s="193"/>
      <c r="E101" s="219"/>
      <c r="F101" s="222"/>
      <c r="G101" s="169"/>
      <c r="H101" s="44"/>
      <c r="I101" s="169"/>
      <c r="J101" s="44"/>
      <c r="K101" s="192"/>
      <c r="L101" s="169"/>
      <c r="M101" s="191"/>
      <c r="N101" s="45"/>
      <c r="O101" s="168"/>
      <c r="P101" s="168"/>
      <c r="Q101" s="41"/>
      <c r="R101" s="169"/>
      <c r="S101" s="168"/>
      <c r="T101" s="190"/>
      <c r="U101" s="168"/>
      <c r="V101" s="44"/>
      <c r="W101" s="45"/>
      <c r="X101" s="45"/>
      <c r="Y101" s="45"/>
      <c r="Z101" s="189"/>
      <c r="AA101" s="33"/>
      <c r="AB101" s="33"/>
      <c r="AC101" s="33"/>
      <c r="AD101" s="34"/>
      <c r="AE101" s="35"/>
      <c r="AF101" s="35"/>
      <c r="AG101" s="35"/>
      <c r="AH101" s="33"/>
      <c r="AI101" s="33"/>
      <c r="AJ101" s="33"/>
      <c r="AK101" s="33"/>
      <c r="AL101" s="34"/>
      <c r="AM101" s="35"/>
      <c r="AN101" s="35"/>
      <c r="AO101" s="36"/>
    </row>
    <row r="102" spans="1:41" s="59" customFormat="1" ht="9.75" customHeight="1">
      <c r="A102" s="40"/>
      <c r="B102" s="194"/>
      <c r="C102" s="169"/>
      <c r="D102" s="193"/>
      <c r="E102" s="169"/>
      <c r="F102" s="170"/>
      <c r="G102" s="169"/>
      <c r="H102" s="44"/>
      <c r="I102" s="169"/>
      <c r="J102" s="44"/>
      <c r="K102" s="192"/>
      <c r="L102" s="169"/>
      <c r="M102" s="191"/>
      <c r="N102" s="45"/>
      <c r="O102" s="168"/>
      <c r="P102" s="227" t="s">
        <v>749</v>
      </c>
      <c r="Q102" s="230" t="s">
        <v>748</v>
      </c>
      <c r="R102" s="162"/>
      <c r="S102" s="167"/>
      <c r="T102" s="196"/>
      <c r="U102" s="167"/>
      <c r="V102" s="69"/>
      <c r="W102" s="70"/>
      <c r="X102" s="70"/>
      <c r="Y102" s="70"/>
      <c r="Z102" s="195" t="s">
        <v>1</v>
      </c>
      <c r="AA102" s="74"/>
      <c r="AB102" s="74"/>
      <c r="AC102" s="74"/>
      <c r="AD102" s="75"/>
      <c r="AE102" s="25"/>
      <c r="AF102" s="25"/>
      <c r="AG102" s="25"/>
      <c r="AH102" s="74"/>
      <c r="AI102" s="74"/>
      <c r="AJ102" s="74"/>
      <c r="AK102" s="74"/>
      <c r="AL102" s="75"/>
      <c r="AM102" s="25"/>
      <c r="AN102" s="25"/>
      <c r="AO102" s="32"/>
    </row>
    <row r="103" spans="1:41" s="59" customFormat="1" ht="9.75" customHeight="1">
      <c r="A103" s="40"/>
      <c r="B103" s="194"/>
      <c r="C103" s="169"/>
      <c r="D103" s="193"/>
      <c r="E103" s="169"/>
      <c r="F103" s="170"/>
      <c r="G103" s="169"/>
      <c r="H103" s="44"/>
      <c r="I103" s="169"/>
      <c r="J103" s="44"/>
      <c r="K103" s="192"/>
      <c r="L103" s="169"/>
      <c r="M103" s="191"/>
      <c r="N103" s="45"/>
      <c r="O103" s="168"/>
      <c r="P103" s="228"/>
      <c r="Q103" s="222"/>
      <c r="R103" s="169"/>
      <c r="S103" s="168" t="s">
        <v>1139</v>
      </c>
      <c r="T103" s="190" t="s">
        <v>1138</v>
      </c>
      <c r="U103" s="168"/>
      <c r="V103" s="44" t="s">
        <v>22</v>
      </c>
      <c r="W103" s="45" t="s">
        <v>22</v>
      </c>
      <c r="X103" s="45" t="s">
        <v>22</v>
      </c>
      <c r="Y103" s="45" t="s">
        <v>1137</v>
      </c>
      <c r="Z103" s="189"/>
      <c r="AA103" s="33"/>
      <c r="AB103" s="33"/>
      <c r="AC103" s="33"/>
      <c r="AD103" s="34"/>
      <c r="AE103" s="35"/>
      <c r="AF103" s="35"/>
      <c r="AG103" s="35"/>
      <c r="AH103" s="33"/>
      <c r="AI103" s="33"/>
      <c r="AJ103" s="33"/>
      <c r="AK103" s="33"/>
      <c r="AL103" s="34"/>
      <c r="AM103" s="35"/>
      <c r="AN103" s="35"/>
      <c r="AO103" s="36"/>
    </row>
    <row r="104" spans="1:41" s="59" customFormat="1" ht="9.75" customHeight="1">
      <c r="A104" s="40"/>
      <c r="B104" s="194"/>
      <c r="C104" s="169"/>
      <c r="D104" s="193"/>
      <c r="E104" s="169"/>
      <c r="F104" s="170"/>
      <c r="G104" s="169"/>
      <c r="H104" s="44"/>
      <c r="I104" s="169"/>
      <c r="J104" s="44"/>
      <c r="K104" s="192"/>
      <c r="L104" s="169"/>
      <c r="M104" s="191"/>
      <c r="N104" s="45"/>
      <c r="O104" s="168"/>
      <c r="P104" s="229"/>
      <c r="Q104" s="223"/>
      <c r="R104" s="169"/>
      <c r="S104" s="168"/>
      <c r="T104" s="190"/>
      <c r="U104" s="168"/>
      <c r="V104" s="44"/>
      <c r="W104" s="45"/>
      <c r="X104" s="45"/>
      <c r="Y104" s="45"/>
      <c r="Z104" s="189"/>
      <c r="AA104" s="33"/>
      <c r="AB104" s="33"/>
      <c r="AC104" s="33"/>
      <c r="AD104" s="34"/>
      <c r="AE104" s="35"/>
      <c r="AF104" s="35"/>
      <c r="AG104" s="35"/>
      <c r="AH104" s="33"/>
      <c r="AI104" s="33"/>
      <c r="AJ104" s="33"/>
      <c r="AK104" s="33"/>
      <c r="AL104" s="34"/>
      <c r="AM104" s="35"/>
      <c r="AN104" s="35"/>
      <c r="AO104" s="36"/>
    </row>
    <row r="105" spans="1:41" s="59" customFormat="1" ht="9.75" customHeight="1">
      <c r="A105" s="76"/>
      <c r="B105" s="188"/>
      <c r="C105" s="167"/>
      <c r="D105" s="188"/>
      <c r="E105" s="167"/>
      <c r="F105" s="68"/>
      <c r="G105" s="103"/>
      <c r="H105" s="104"/>
      <c r="I105" s="103"/>
      <c r="J105" s="104"/>
      <c r="K105" s="187"/>
      <c r="L105" s="103"/>
      <c r="M105" s="186"/>
      <c r="N105" s="105"/>
      <c r="O105" s="106"/>
      <c r="P105" s="106"/>
      <c r="Q105" s="65"/>
      <c r="R105" s="103"/>
      <c r="S105" s="106"/>
      <c r="T105" s="185"/>
      <c r="U105" s="106"/>
      <c r="V105" s="104"/>
      <c r="W105" s="105"/>
      <c r="X105" s="105"/>
      <c r="Y105" s="105"/>
      <c r="Z105" s="184" t="s">
        <v>1</v>
      </c>
      <c r="AA105" s="109"/>
      <c r="AB105" s="109"/>
      <c r="AC105" s="109"/>
      <c r="AD105" s="110"/>
      <c r="AE105" s="111"/>
      <c r="AF105" s="111"/>
      <c r="AG105" s="111"/>
      <c r="AH105" s="109"/>
      <c r="AI105" s="109"/>
      <c r="AJ105" s="109"/>
      <c r="AK105" s="109"/>
      <c r="AL105" s="110"/>
      <c r="AM105" s="111"/>
      <c r="AN105" s="111"/>
      <c r="AO105" s="112"/>
    </row>
    <row r="106" spans="1:41" s="59" customFormat="1" ht="9.75" customHeight="1">
      <c r="A106" s="248" t="s">
        <v>660</v>
      </c>
      <c r="B106" s="249"/>
      <c r="C106" s="250"/>
      <c r="D106" s="250"/>
      <c r="E106" s="250"/>
      <c r="F106" s="236"/>
      <c r="G106" s="273" t="s">
        <v>408</v>
      </c>
      <c r="H106" s="274"/>
      <c r="I106" s="52" t="s">
        <v>23</v>
      </c>
      <c r="J106" s="53" t="s">
        <v>409</v>
      </c>
      <c r="K106" s="54" t="s">
        <v>22</v>
      </c>
      <c r="L106" s="52"/>
      <c r="M106" s="53" t="s">
        <v>22</v>
      </c>
      <c r="N106" s="183" t="s">
        <v>410</v>
      </c>
      <c r="O106" s="182"/>
      <c r="P106" s="55"/>
      <c r="Q106" s="56"/>
      <c r="R106" s="52"/>
      <c r="S106" s="55"/>
      <c r="T106" s="181" t="s">
        <v>1136</v>
      </c>
      <c r="U106" s="55"/>
      <c r="V106" s="53" t="s">
        <v>22</v>
      </c>
      <c r="W106" s="54" t="s">
        <v>22</v>
      </c>
      <c r="X106" s="53" t="s">
        <v>22</v>
      </c>
      <c r="Y106" s="54" t="s">
        <v>1135</v>
      </c>
      <c r="Z106" s="180"/>
      <c r="AA106" s="61"/>
      <c r="AB106" s="61"/>
      <c r="AC106" s="61"/>
      <c r="AD106" s="61"/>
      <c r="AE106" s="62"/>
      <c r="AF106" s="62"/>
      <c r="AG106" s="62"/>
      <c r="AH106" s="60"/>
      <c r="AI106" s="60"/>
      <c r="AJ106" s="60"/>
      <c r="AK106" s="60"/>
      <c r="AL106" s="61"/>
      <c r="AM106" s="61"/>
      <c r="AN106" s="61"/>
      <c r="AO106" s="63"/>
    </row>
    <row r="107" spans="1:41" s="59" customFormat="1" ht="9.75" customHeight="1">
      <c r="A107" s="77"/>
      <c r="B107" s="179"/>
      <c r="C107" s="82"/>
      <c r="D107" s="179"/>
      <c r="E107" s="82"/>
      <c r="F107" s="78"/>
      <c r="G107" s="79"/>
      <c r="H107" s="80"/>
      <c r="I107" s="79"/>
      <c r="J107" s="80"/>
      <c r="K107" s="178"/>
      <c r="L107" s="79"/>
      <c r="M107" s="177"/>
      <c r="N107" s="81"/>
      <c r="O107" s="82"/>
      <c r="P107" s="82"/>
      <c r="Q107" s="78"/>
      <c r="R107" s="79"/>
      <c r="S107" s="82"/>
      <c r="T107" s="176"/>
      <c r="U107" s="82"/>
      <c r="V107" s="80"/>
      <c r="W107" s="81"/>
      <c r="X107" s="81"/>
      <c r="Y107" s="81"/>
      <c r="Z107" s="175"/>
      <c r="AA107" s="117"/>
      <c r="AB107" s="117"/>
      <c r="AC107" s="117"/>
      <c r="AD107" s="118"/>
      <c r="AE107" s="119"/>
      <c r="AF107" s="119"/>
      <c r="AG107" s="119"/>
      <c r="AH107" s="117"/>
      <c r="AI107" s="117"/>
      <c r="AJ107" s="117"/>
      <c r="AK107" s="117"/>
      <c r="AL107" s="118"/>
      <c r="AM107" s="119"/>
      <c r="AN107" s="119"/>
      <c r="AO107" s="120"/>
    </row>
    <row r="108" spans="1:41" ht="9.75" customHeight="1">
      <c r="A108" s="134"/>
      <c r="B108" s="135"/>
      <c r="C108" s="135"/>
      <c r="D108" s="135"/>
      <c r="E108" s="135"/>
      <c r="F108" s="135"/>
      <c r="G108" s="135"/>
      <c r="H108" s="135"/>
      <c r="I108" s="135"/>
      <c r="J108" s="135"/>
      <c r="K108" s="135"/>
      <c r="L108" s="135"/>
      <c r="M108" s="135"/>
      <c r="N108" s="135"/>
      <c r="O108" s="135"/>
      <c r="P108" s="135"/>
      <c r="Q108" s="135"/>
      <c r="R108" s="135"/>
      <c r="S108" s="135"/>
      <c r="T108" s="135"/>
      <c r="U108" s="135"/>
      <c r="V108" s="135"/>
      <c r="W108" s="135"/>
      <c r="X108" s="135"/>
      <c r="Y108" s="135"/>
      <c r="Z108" s="136"/>
      <c r="AA108" s="136"/>
      <c r="AB108" s="136"/>
      <c r="AC108" s="136"/>
      <c r="AD108" s="136"/>
      <c r="AE108" s="136"/>
      <c r="AF108" s="136"/>
      <c r="AG108" s="136"/>
      <c r="AH108" s="136"/>
      <c r="AI108" s="136"/>
      <c r="AJ108" s="136"/>
      <c r="AK108" s="136"/>
      <c r="AL108" s="136"/>
      <c r="AM108" s="136"/>
      <c r="AN108" s="136"/>
      <c r="AO108" s="137"/>
    </row>
    <row r="109" spans="1:41" ht="9.75" customHeight="1">
      <c r="A109" s="138"/>
      <c r="B109" s="139"/>
      <c r="C109" s="139"/>
      <c r="D109" s="139"/>
      <c r="E109" s="139"/>
      <c r="F109" s="139"/>
      <c r="G109" s="139"/>
      <c r="H109" s="139"/>
      <c r="I109" s="139"/>
      <c r="J109" s="139"/>
      <c r="K109" s="139"/>
      <c r="L109" s="139"/>
      <c r="M109" s="139"/>
      <c r="N109" s="139"/>
      <c r="O109" s="139"/>
      <c r="P109" s="139"/>
      <c r="Q109" s="139"/>
      <c r="R109" s="139"/>
      <c r="S109" s="139"/>
      <c r="T109" s="139"/>
      <c r="U109" s="139"/>
      <c r="V109" s="139"/>
      <c r="W109" s="139"/>
      <c r="X109" s="139"/>
      <c r="Y109" s="139"/>
      <c r="Z109" s="139"/>
      <c r="AA109" s="139"/>
      <c r="AB109" s="139"/>
      <c r="AC109" s="139"/>
      <c r="AD109" s="139"/>
      <c r="AE109" s="139"/>
      <c r="AF109" s="139"/>
      <c r="AG109" s="139"/>
      <c r="AH109" s="139"/>
      <c r="AI109" s="139"/>
      <c r="AJ109" s="139"/>
      <c r="AK109" s="139"/>
      <c r="AL109" s="139"/>
      <c r="AM109" s="139"/>
      <c r="AN109" s="139"/>
      <c r="AO109" s="140"/>
    </row>
    <row r="110" spans="1:41" ht="9.75" customHeight="1">
      <c r="A110" s="138"/>
      <c r="B110" s="139"/>
      <c r="C110" s="139"/>
      <c r="D110" s="139"/>
      <c r="E110" s="139"/>
      <c r="F110" s="139"/>
      <c r="G110" s="139"/>
      <c r="H110" s="139"/>
      <c r="I110" s="139"/>
      <c r="J110" s="139"/>
      <c r="K110" s="139"/>
      <c r="L110" s="139"/>
      <c r="M110" s="139"/>
      <c r="N110" s="139"/>
      <c r="O110" s="139"/>
      <c r="P110" s="139"/>
      <c r="Q110" s="139"/>
      <c r="R110" s="139"/>
      <c r="S110" s="139"/>
      <c r="T110" s="139"/>
      <c r="U110" s="139"/>
      <c r="V110" s="139"/>
      <c r="W110" s="139"/>
      <c r="X110" s="139"/>
      <c r="Y110" s="139"/>
      <c r="Z110" s="139"/>
      <c r="AA110" s="139"/>
      <c r="AB110" s="139"/>
      <c r="AC110" s="139"/>
      <c r="AD110" s="139"/>
      <c r="AE110" s="139"/>
      <c r="AF110" s="139"/>
      <c r="AG110" s="139"/>
      <c r="AH110" s="139"/>
      <c r="AI110" s="139"/>
      <c r="AJ110" s="139"/>
      <c r="AK110" s="139"/>
      <c r="AL110" s="139"/>
      <c r="AM110" s="139"/>
      <c r="AN110" s="139"/>
      <c r="AO110" s="140"/>
    </row>
    <row r="111" spans="1:41" ht="9.75" customHeight="1">
      <c r="A111" s="138"/>
      <c r="B111" s="139"/>
      <c r="C111" s="139"/>
      <c r="D111" s="139"/>
      <c r="E111" s="139"/>
      <c r="F111" s="139"/>
      <c r="G111" s="139"/>
      <c r="H111" s="139"/>
      <c r="I111" s="139"/>
      <c r="J111" s="139"/>
      <c r="K111" s="139"/>
      <c r="L111" s="139"/>
      <c r="M111" s="139"/>
      <c r="N111" s="139"/>
      <c r="O111" s="139"/>
      <c r="P111" s="139"/>
      <c r="Q111" s="139"/>
      <c r="R111" s="139"/>
      <c r="S111" s="139"/>
      <c r="T111" s="139"/>
      <c r="U111" s="139"/>
      <c r="V111" s="139"/>
      <c r="W111" s="139"/>
      <c r="X111" s="139"/>
      <c r="Y111" s="139"/>
      <c r="Z111" s="139"/>
      <c r="AA111" s="139"/>
      <c r="AB111" s="139"/>
      <c r="AC111" s="139"/>
      <c r="AD111" s="139"/>
      <c r="AE111" s="139"/>
      <c r="AF111" s="139"/>
      <c r="AG111" s="139"/>
      <c r="AH111" s="139"/>
      <c r="AI111" s="139"/>
      <c r="AJ111" s="139"/>
      <c r="AK111" s="139"/>
      <c r="AL111" s="139"/>
      <c r="AM111" s="139"/>
      <c r="AN111" s="139"/>
      <c r="AO111" s="140"/>
    </row>
    <row r="112" spans="1:41" ht="9.75" customHeight="1">
      <c r="A112" s="138"/>
      <c r="B112" s="139"/>
      <c r="C112" s="139"/>
      <c r="D112" s="139"/>
      <c r="E112" s="139"/>
      <c r="F112" s="139"/>
      <c r="G112" s="139"/>
      <c r="H112" s="139"/>
      <c r="I112" s="139"/>
      <c r="J112" s="139"/>
      <c r="K112" s="139"/>
      <c r="L112" s="139"/>
      <c r="M112" s="139"/>
      <c r="N112" s="139"/>
      <c r="O112" s="139"/>
      <c r="P112" s="139"/>
      <c r="Q112" s="139"/>
      <c r="R112" s="139"/>
      <c r="S112" s="139"/>
      <c r="T112" s="139"/>
      <c r="U112" s="139"/>
      <c r="V112" s="139"/>
      <c r="W112" s="139"/>
      <c r="X112" s="139"/>
      <c r="Y112" s="139"/>
      <c r="Z112" s="139"/>
      <c r="AA112" s="139"/>
      <c r="AB112" s="139"/>
      <c r="AC112" s="139"/>
      <c r="AD112" s="139"/>
      <c r="AE112" s="139"/>
      <c r="AF112" s="139"/>
      <c r="AG112" s="139"/>
      <c r="AH112" s="139"/>
      <c r="AI112" s="139"/>
      <c r="AJ112" s="139"/>
      <c r="AK112" s="139"/>
      <c r="AL112" s="139"/>
      <c r="AM112" s="139"/>
      <c r="AN112" s="139"/>
      <c r="AO112" s="140"/>
    </row>
    <row r="113" spans="1:41" ht="9.75" customHeight="1">
      <c r="A113" s="138"/>
      <c r="B113" s="139"/>
      <c r="C113" s="139"/>
      <c r="D113" s="139"/>
      <c r="E113" s="139"/>
      <c r="F113" s="139"/>
      <c r="G113" s="139"/>
      <c r="H113" s="139"/>
      <c r="I113" s="139"/>
      <c r="J113" s="139"/>
      <c r="K113" s="139"/>
      <c r="L113" s="139"/>
      <c r="M113" s="139"/>
      <c r="N113" s="139"/>
      <c r="O113" s="139"/>
      <c r="P113" s="139"/>
      <c r="Q113" s="139"/>
      <c r="R113" s="139"/>
      <c r="S113" s="139"/>
      <c r="T113" s="139"/>
      <c r="U113" s="139"/>
      <c r="V113" s="139"/>
      <c r="W113" s="139"/>
      <c r="X113" s="139"/>
      <c r="Y113" s="139"/>
      <c r="Z113" s="139"/>
      <c r="AA113" s="139"/>
      <c r="AB113" s="139"/>
      <c r="AC113" s="139"/>
      <c r="AD113" s="139"/>
      <c r="AE113" s="139"/>
      <c r="AF113" s="139"/>
      <c r="AG113" s="139"/>
      <c r="AH113" s="139"/>
      <c r="AI113" s="139"/>
      <c r="AJ113" s="139"/>
      <c r="AK113" s="139"/>
      <c r="AL113" s="139"/>
      <c r="AM113" s="139"/>
      <c r="AN113" s="139"/>
      <c r="AO113" s="140"/>
    </row>
    <row r="114" spans="1:41" ht="9.75" customHeight="1">
      <c r="A114" s="138"/>
      <c r="B114" s="139"/>
      <c r="C114" s="139"/>
      <c r="D114" s="139"/>
      <c r="E114" s="139"/>
      <c r="F114" s="139"/>
      <c r="G114" s="139"/>
      <c r="H114" s="139"/>
      <c r="I114" s="139"/>
      <c r="J114" s="139"/>
      <c r="K114" s="139"/>
      <c r="L114" s="139"/>
      <c r="M114" s="139"/>
      <c r="N114" s="139"/>
      <c r="O114" s="139"/>
      <c r="P114" s="139"/>
      <c r="Q114" s="139"/>
      <c r="R114" s="139"/>
      <c r="S114" s="139"/>
      <c r="T114" s="139"/>
      <c r="U114" s="139"/>
      <c r="V114" s="139"/>
      <c r="W114" s="139"/>
      <c r="X114" s="139"/>
      <c r="Y114" s="139"/>
      <c r="Z114" s="139"/>
      <c r="AA114" s="139"/>
      <c r="AB114" s="139"/>
      <c r="AC114" s="139"/>
      <c r="AD114" s="139"/>
      <c r="AE114" s="139"/>
      <c r="AF114" s="139"/>
      <c r="AG114" s="139"/>
      <c r="AH114" s="139"/>
      <c r="AI114" s="139"/>
      <c r="AJ114" s="139"/>
      <c r="AK114" s="139"/>
      <c r="AL114" s="139"/>
      <c r="AM114" s="139"/>
      <c r="AN114" s="139"/>
      <c r="AO114" s="140"/>
    </row>
    <row r="115" spans="1:41" ht="9.75" customHeight="1">
      <c r="A115" s="138"/>
      <c r="B115" s="139"/>
      <c r="C115" s="139"/>
      <c r="D115" s="139"/>
      <c r="E115" s="139"/>
      <c r="F115" s="139"/>
      <c r="G115" s="139"/>
      <c r="H115" s="139"/>
      <c r="I115" s="139"/>
      <c r="J115" s="139"/>
      <c r="K115" s="139"/>
      <c r="L115" s="139"/>
      <c r="M115" s="139"/>
      <c r="N115" s="139"/>
      <c r="O115" s="139"/>
      <c r="P115" s="139"/>
      <c r="Q115" s="139"/>
      <c r="R115" s="139"/>
      <c r="S115" s="139"/>
      <c r="T115" s="139"/>
      <c r="U115" s="139"/>
      <c r="V115" s="139"/>
      <c r="W115" s="139"/>
      <c r="X115" s="139"/>
      <c r="Y115" s="139"/>
      <c r="Z115" s="139"/>
      <c r="AA115" s="139"/>
      <c r="AB115" s="139"/>
      <c r="AC115" s="139"/>
      <c r="AD115" s="139"/>
      <c r="AE115" s="139"/>
      <c r="AF115" s="139"/>
      <c r="AG115" s="139"/>
      <c r="AH115" s="139"/>
      <c r="AI115" s="139"/>
      <c r="AJ115" s="139"/>
      <c r="AK115" s="139"/>
      <c r="AL115" s="139"/>
      <c r="AM115" s="139"/>
      <c r="AN115" s="139"/>
      <c r="AO115" s="140"/>
    </row>
    <row r="116" spans="1:41" ht="9.75" customHeight="1">
      <c r="A116" s="138"/>
      <c r="B116" s="139"/>
      <c r="C116" s="139"/>
      <c r="D116" s="139"/>
      <c r="E116" s="139"/>
      <c r="F116" s="139"/>
      <c r="G116" s="139"/>
      <c r="H116" s="139"/>
      <c r="I116" s="139"/>
      <c r="J116" s="139"/>
      <c r="K116" s="139"/>
      <c r="L116" s="139"/>
      <c r="M116" s="139"/>
      <c r="N116" s="139"/>
      <c r="O116" s="139"/>
      <c r="P116" s="139"/>
      <c r="Q116" s="139"/>
      <c r="R116" s="139"/>
      <c r="S116" s="139"/>
      <c r="T116" s="139"/>
      <c r="U116" s="139"/>
      <c r="V116" s="139"/>
      <c r="W116" s="139"/>
      <c r="X116" s="139"/>
      <c r="Y116" s="139"/>
      <c r="Z116" s="139"/>
      <c r="AA116" s="139"/>
      <c r="AB116" s="139"/>
      <c r="AC116" s="139"/>
      <c r="AD116" s="139"/>
      <c r="AE116" s="139"/>
      <c r="AF116" s="139"/>
      <c r="AG116" s="139"/>
      <c r="AH116" s="139"/>
      <c r="AI116" s="139"/>
      <c r="AJ116" s="139"/>
      <c r="AK116" s="139"/>
      <c r="AL116" s="139"/>
      <c r="AM116" s="139"/>
      <c r="AN116" s="139"/>
      <c r="AO116" s="140"/>
    </row>
    <row r="117" spans="1:41" ht="9.75" customHeight="1">
      <c r="A117" s="138"/>
      <c r="B117" s="139"/>
      <c r="C117" s="139"/>
      <c r="D117" s="139"/>
      <c r="E117" s="139"/>
      <c r="F117" s="139"/>
      <c r="G117" s="139"/>
      <c r="H117" s="139"/>
      <c r="I117" s="139"/>
      <c r="J117" s="139"/>
      <c r="K117" s="139"/>
      <c r="L117" s="139"/>
      <c r="M117" s="139"/>
      <c r="N117" s="139"/>
      <c r="O117" s="139"/>
      <c r="P117" s="139"/>
      <c r="Q117" s="139"/>
      <c r="R117" s="139"/>
      <c r="S117" s="139"/>
      <c r="T117" s="139"/>
      <c r="U117" s="139"/>
      <c r="V117" s="139"/>
      <c r="W117" s="139"/>
      <c r="X117" s="139"/>
      <c r="Y117" s="139"/>
      <c r="Z117" s="139"/>
      <c r="AA117" s="139"/>
      <c r="AB117" s="139"/>
      <c r="AC117" s="139"/>
      <c r="AD117" s="139"/>
      <c r="AE117" s="139"/>
      <c r="AF117" s="139"/>
      <c r="AG117" s="139"/>
      <c r="AH117" s="139"/>
      <c r="AI117" s="139"/>
      <c r="AJ117" s="139"/>
      <c r="AK117" s="139"/>
      <c r="AL117" s="139"/>
      <c r="AM117" s="139"/>
      <c r="AN117" s="139"/>
      <c r="AO117" s="140"/>
    </row>
    <row r="118" spans="1:41" ht="9.75" customHeight="1">
      <c r="A118" s="138"/>
      <c r="B118" s="139"/>
      <c r="C118" s="139"/>
      <c r="D118" s="139"/>
      <c r="E118" s="139"/>
      <c r="F118" s="139"/>
      <c r="G118" s="139"/>
      <c r="H118" s="139"/>
      <c r="I118" s="139"/>
      <c r="J118" s="139"/>
      <c r="K118" s="139"/>
      <c r="L118" s="139"/>
      <c r="M118" s="139"/>
      <c r="N118" s="139"/>
      <c r="O118" s="139"/>
      <c r="P118" s="139"/>
      <c r="Q118" s="139"/>
      <c r="R118" s="139"/>
      <c r="S118" s="139"/>
      <c r="T118" s="139"/>
      <c r="U118" s="139"/>
      <c r="V118" s="139"/>
      <c r="W118" s="139"/>
      <c r="X118" s="139"/>
      <c r="Y118" s="139"/>
      <c r="Z118" s="139"/>
      <c r="AA118" s="139"/>
      <c r="AB118" s="139"/>
      <c r="AC118" s="139"/>
      <c r="AD118" s="139"/>
      <c r="AE118" s="139"/>
      <c r="AF118" s="139"/>
      <c r="AG118" s="139"/>
      <c r="AH118" s="139"/>
      <c r="AI118" s="139"/>
      <c r="AJ118" s="139"/>
      <c r="AK118" s="139"/>
      <c r="AL118" s="139"/>
      <c r="AM118" s="139"/>
      <c r="AN118" s="139"/>
      <c r="AO118" s="140"/>
    </row>
    <row r="119" spans="1:41" ht="9.75" customHeight="1">
      <c r="A119" s="138"/>
      <c r="B119" s="139"/>
      <c r="C119" s="139"/>
      <c r="D119" s="139"/>
      <c r="E119" s="139"/>
      <c r="F119" s="139"/>
      <c r="G119" s="139"/>
      <c r="H119" s="139"/>
      <c r="I119" s="139"/>
      <c r="J119" s="139"/>
      <c r="K119" s="139"/>
      <c r="L119" s="139"/>
      <c r="M119" s="139"/>
      <c r="N119" s="139"/>
      <c r="O119" s="139"/>
      <c r="P119" s="139"/>
      <c r="Q119" s="139"/>
      <c r="R119" s="139"/>
      <c r="S119" s="139"/>
      <c r="T119" s="139"/>
      <c r="U119" s="139"/>
      <c r="V119" s="139"/>
      <c r="W119" s="139"/>
      <c r="X119" s="139"/>
      <c r="Y119" s="139"/>
      <c r="Z119" s="139"/>
      <c r="AA119" s="139"/>
      <c r="AB119" s="139"/>
      <c r="AC119" s="139"/>
      <c r="AD119" s="139"/>
      <c r="AE119" s="139"/>
      <c r="AF119" s="139"/>
      <c r="AG119" s="139"/>
      <c r="AH119" s="139"/>
      <c r="AI119" s="139"/>
      <c r="AJ119" s="139"/>
      <c r="AK119" s="139"/>
      <c r="AL119" s="139"/>
      <c r="AM119" s="139"/>
      <c r="AN119" s="139"/>
      <c r="AO119" s="140"/>
    </row>
    <row r="120" spans="1:41" ht="9.75" customHeight="1">
      <c r="A120" s="138"/>
      <c r="B120" s="139"/>
      <c r="C120" s="139"/>
      <c r="D120" s="139"/>
      <c r="E120" s="139"/>
      <c r="F120" s="139"/>
      <c r="G120" s="139"/>
      <c r="H120" s="139"/>
      <c r="I120" s="139"/>
      <c r="J120" s="139"/>
      <c r="K120" s="139"/>
      <c r="L120" s="139"/>
      <c r="M120" s="139"/>
      <c r="N120" s="139"/>
      <c r="O120" s="139"/>
      <c r="P120" s="139"/>
      <c r="Q120" s="139"/>
      <c r="R120" s="139"/>
      <c r="S120" s="139"/>
      <c r="T120" s="139"/>
      <c r="U120" s="139"/>
      <c r="V120" s="139"/>
      <c r="W120" s="139"/>
      <c r="X120" s="139"/>
      <c r="Y120" s="139"/>
      <c r="Z120" s="139"/>
      <c r="AA120" s="139"/>
      <c r="AB120" s="139"/>
      <c r="AC120" s="139"/>
      <c r="AD120" s="139"/>
      <c r="AE120" s="139"/>
      <c r="AF120" s="139"/>
      <c r="AG120" s="139"/>
      <c r="AH120" s="139"/>
      <c r="AI120" s="139"/>
      <c r="AJ120" s="139"/>
      <c r="AK120" s="139"/>
      <c r="AL120" s="139"/>
      <c r="AM120" s="139"/>
      <c r="AN120" s="139"/>
      <c r="AO120" s="140"/>
    </row>
    <row r="121" spans="1:41" ht="9.75" customHeight="1">
      <c r="A121" s="138"/>
      <c r="B121" s="139"/>
      <c r="C121" s="139"/>
      <c r="D121" s="139"/>
      <c r="E121" s="139"/>
      <c r="F121" s="139"/>
      <c r="G121" s="139"/>
      <c r="H121" s="139"/>
      <c r="I121" s="139"/>
      <c r="J121" s="139"/>
      <c r="K121" s="139"/>
      <c r="L121" s="139"/>
      <c r="M121" s="139"/>
      <c r="N121" s="139"/>
      <c r="O121" s="139"/>
      <c r="P121" s="139"/>
      <c r="Q121" s="139"/>
      <c r="R121" s="139"/>
      <c r="S121" s="139"/>
      <c r="T121" s="139"/>
      <c r="U121" s="139"/>
      <c r="V121" s="139"/>
      <c r="W121" s="139"/>
      <c r="X121" s="139"/>
      <c r="Y121" s="139"/>
      <c r="Z121" s="139"/>
      <c r="AA121" s="139"/>
      <c r="AB121" s="139"/>
      <c r="AC121" s="139"/>
      <c r="AD121" s="139"/>
      <c r="AE121" s="139"/>
      <c r="AF121" s="139"/>
      <c r="AG121" s="139"/>
      <c r="AH121" s="139"/>
      <c r="AI121" s="139"/>
      <c r="AJ121" s="139"/>
      <c r="AK121" s="139"/>
      <c r="AL121" s="139"/>
      <c r="AM121" s="139"/>
      <c r="AN121" s="139"/>
      <c r="AO121" s="140"/>
    </row>
    <row r="122" spans="1:41" ht="9.75" customHeight="1">
      <c r="A122" s="138"/>
      <c r="B122" s="139"/>
      <c r="C122" s="139"/>
      <c r="D122" s="139"/>
      <c r="E122" s="139"/>
      <c r="F122" s="139"/>
      <c r="G122" s="139"/>
      <c r="H122" s="139"/>
      <c r="I122" s="139"/>
      <c r="J122" s="139"/>
      <c r="K122" s="139"/>
      <c r="L122" s="139"/>
      <c r="M122" s="139"/>
      <c r="N122" s="139"/>
      <c r="O122" s="139"/>
      <c r="P122" s="139"/>
      <c r="Q122" s="139"/>
      <c r="R122" s="139"/>
      <c r="S122" s="139"/>
      <c r="T122" s="139"/>
      <c r="U122" s="139"/>
      <c r="V122" s="139"/>
      <c r="W122" s="139"/>
      <c r="X122" s="139"/>
      <c r="Y122" s="139"/>
      <c r="Z122" s="139"/>
      <c r="AA122" s="139"/>
      <c r="AB122" s="139"/>
      <c r="AC122" s="139"/>
      <c r="AD122" s="139"/>
      <c r="AE122" s="139"/>
      <c r="AF122" s="139"/>
      <c r="AG122" s="139"/>
      <c r="AH122" s="139"/>
      <c r="AI122" s="139"/>
      <c r="AJ122" s="139"/>
      <c r="AK122" s="139"/>
      <c r="AL122" s="139"/>
      <c r="AM122" s="139"/>
      <c r="AN122" s="139"/>
      <c r="AO122" s="140"/>
    </row>
    <row r="123" spans="1:41" ht="9.75" customHeight="1">
      <c r="A123" s="138"/>
      <c r="B123" s="139"/>
      <c r="C123" s="139"/>
      <c r="D123" s="139"/>
      <c r="E123" s="139"/>
      <c r="F123" s="139"/>
      <c r="G123" s="139"/>
      <c r="H123" s="139"/>
      <c r="I123" s="139"/>
      <c r="J123" s="139"/>
      <c r="K123" s="139"/>
      <c r="L123" s="139"/>
      <c r="M123" s="139"/>
      <c r="N123" s="139"/>
      <c r="O123" s="139"/>
      <c r="P123" s="139"/>
      <c r="Q123" s="139"/>
      <c r="R123" s="139"/>
      <c r="S123" s="139"/>
      <c r="T123" s="139"/>
      <c r="U123" s="139"/>
      <c r="V123" s="139"/>
      <c r="W123" s="139"/>
      <c r="X123" s="139"/>
      <c r="Y123" s="139"/>
      <c r="Z123" s="139"/>
      <c r="AA123" s="139"/>
      <c r="AB123" s="139"/>
      <c r="AC123" s="139"/>
      <c r="AD123" s="139"/>
      <c r="AE123" s="139"/>
      <c r="AF123" s="139"/>
      <c r="AG123" s="139"/>
      <c r="AH123" s="139"/>
      <c r="AI123" s="139"/>
      <c r="AJ123" s="139"/>
      <c r="AK123" s="139"/>
      <c r="AL123" s="139"/>
      <c r="AM123" s="139"/>
      <c r="AN123" s="139"/>
      <c r="AO123" s="140"/>
    </row>
    <row r="124" spans="1:41" ht="9.75" customHeight="1">
      <c r="A124" s="138"/>
      <c r="B124" s="139"/>
      <c r="C124" s="139"/>
      <c r="D124" s="139"/>
      <c r="E124" s="139"/>
      <c r="F124" s="139"/>
      <c r="G124" s="139"/>
      <c r="H124" s="139"/>
      <c r="I124" s="139"/>
      <c r="J124" s="139"/>
      <c r="K124" s="139"/>
      <c r="L124" s="139"/>
      <c r="M124" s="139"/>
      <c r="N124" s="139"/>
      <c r="O124" s="139"/>
      <c r="P124" s="139"/>
      <c r="Q124" s="139"/>
      <c r="R124" s="139"/>
      <c r="S124" s="139"/>
      <c r="T124" s="139"/>
      <c r="U124" s="139"/>
      <c r="V124" s="139"/>
      <c r="W124" s="139"/>
      <c r="X124" s="139"/>
      <c r="Y124" s="139"/>
      <c r="Z124" s="139"/>
      <c r="AA124" s="139"/>
      <c r="AB124" s="139"/>
      <c r="AC124" s="139"/>
      <c r="AD124" s="139"/>
      <c r="AE124" s="139"/>
      <c r="AF124" s="139"/>
      <c r="AG124" s="139"/>
      <c r="AH124" s="139"/>
      <c r="AI124" s="139"/>
      <c r="AJ124" s="139"/>
      <c r="AK124" s="139"/>
      <c r="AL124" s="139"/>
      <c r="AM124" s="139"/>
      <c r="AN124" s="139"/>
      <c r="AO124" s="140"/>
    </row>
    <row r="125" spans="1:41" ht="9.75" customHeight="1">
      <c r="A125" s="138"/>
      <c r="B125" s="139"/>
      <c r="C125" s="139"/>
      <c r="D125" s="139"/>
      <c r="E125" s="139"/>
      <c r="F125" s="139"/>
      <c r="G125" s="139"/>
      <c r="H125" s="139"/>
      <c r="I125" s="139"/>
      <c r="J125" s="139"/>
      <c r="K125" s="139"/>
      <c r="L125" s="139"/>
      <c r="M125" s="139"/>
      <c r="N125" s="139"/>
      <c r="O125" s="139"/>
      <c r="P125" s="139"/>
      <c r="Q125" s="139"/>
      <c r="R125" s="139"/>
      <c r="S125" s="139"/>
      <c r="T125" s="139"/>
      <c r="U125" s="139"/>
      <c r="V125" s="139"/>
      <c r="W125" s="139"/>
      <c r="X125" s="139"/>
      <c r="Y125" s="139"/>
      <c r="Z125" s="139"/>
      <c r="AA125" s="139"/>
      <c r="AB125" s="139"/>
      <c r="AC125" s="139"/>
      <c r="AD125" s="139"/>
      <c r="AE125" s="139"/>
      <c r="AF125" s="139"/>
      <c r="AG125" s="139"/>
      <c r="AH125" s="139"/>
      <c r="AI125" s="139"/>
      <c r="AJ125" s="139"/>
      <c r="AK125" s="139"/>
      <c r="AL125" s="139"/>
      <c r="AM125" s="139"/>
      <c r="AN125" s="139"/>
      <c r="AO125" s="140"/>
    </row>
    <row r="126" spans="1:41" ht="9.75" customHeight="1">
      <c r="A126" s="138"/>
      <c r="B126" s="139"/>
      <c r="C126" s="139"/>
      <c r="D126" s="139"/>
      <c r="E126" s="139"/>
      <c r="F126" s="139"/>
      <c r="G126" s="139"/>
      <c r="H126" s="139"/>
      <c r="I126" s="139"/>
      <c r="J126" s="139"/>
      <c r="K126" s="139"/>
      <c r="L126" s="139"/>
      <c r="M126" s="139"/>
      <c r="N126" s="139"/>
      <c r="O126" s="139"/>
      <c r="P126" s="139"/>
      <c r="Q126" s="139"/>
      <c r="R126" s="139"/>
      <c r="S126" s="139"/>
      <c r="T126" s="139"/>
      <c r="U126" s="139"/>
      <c r="V126" s="139"/>
      <c r="W126" s="139"/>
      <c r="X126" s="139"/>
      <c r="Y126" s="139"/>
      <c r="Z126" s="139"/>
      <c r="AA126" s="139"/>
      <c r="AB126" s="139"/>
      <c r="AC126" s="139"/>
      <c r="AD126" s="139"/>
      <c r="AE126" s="139"/>
      <c r="AF126" s="139"/>
      <c r="AG126" s="139"/>
      <c r="AH126" s="139"/>
      <c r="AI126" s="139"/>
      <c r="AJ126" s="139"/>
      <c r="AK126" s="139"/>
      <c r="AL126" s="139"/>
      <c r="AM126" s="139"/>
      <c r="AN126" s="139"/>
      <c r="AO126" s="140"/>
    </row>
    <row r="127" spans="1:41" ht="9.75" customHeight="1">
      <c r="A127" s="138"/>
      <c r="B127" s="139"/>
      <c r="C127" s="139"/>
      <c r="D127" s="139"/>
      <c r="E127" s="139"/>
      <c r="F127" s="139"/>
      <c r="G127" s="139"/>
      <c r="H127" s="139"/>
      <c r="I127" s="139"/>
      <c r="J127" s="139"/>
      <c r="K127" s="139"/>
      <c r="L127" s="139"/>
      <c r="M127" s="139"/>
      <c r="N127" s="139"/>
      <c r="O127" s="139"/>
      <c r="P127" s="139"/>
      <c r="Q127" s="139"/>
      <c r="R127" s="139"/>
      <c r="S127" s="139"/>
      <c r="T127" s="139"/>
      <c r="U127" s="139"/>
      <c r="V127" s="139"/>
      <c r="W127" s="139"/>
      <c r="X127" s="139"/>
      <c r="Y127" s="139"/>
      <c r="Z127" s="139"/>
      <c r="AA127" s="139"/>
      <c r="AB127" s="139"/>
      <c r="AC127" s="139"/>
      <c r="AD127" s="139"/>
      <c r="AE127" s="139"/>
      <c r="AF127" s="139"/>
      <c r="AG127" s="139"/>
      <c r="AH127" s="139"/>
      <c r="AI127" s="139"/>
      <c r="AJ127" s="139"/>
      <c r="AK127" s="139"/>
      <c r="AL127" s="139"/>
      <c r="AM127" s="139"/>
      <c r="AN127" s="139"/>
      <c r="AO127" s="140"/>
    </row>
    <row r="128" spans="1:41" ht="9.75" customHeight="1">
      <c r="A128" s="138"/>
      <c r="B128" s="139"/>
      <c r="C128" s="139"/>
      <c r="D128" s="139"/>
      <c r="E128" s="139"/>
      <c r="F128" s="139"/>
      <c r="G128" s="139"/>
      <c r="H128" s="139"/>
      <c r="I128" s="139"/>
      <c r="J128" s="139"/>
      <c r="K128" s="139"/>
      <c r="L128" s="139"/>
      <c r="M128" s="139"/>
      <c r="N128" s="139"/>
      <c r="O128" s="139"/>
      <c r="P128" s="139"/>
      <c r="Q128" s="139"/>
      <c r="R128" s="139"/>
      <c r="S128" s="139"/>
      <c r="T128" s="139"/>
      <c r="U128" s="139"/>
      <c r="V128" s="139"/>
      <c r="W128" s="139"/>
      <c r="X128" s="139"/>
      <c r="Y128" s="139"/>
      <c r="Z128" s="139"/>
      <c r="AA128" s="139"/>
      <c r="AB128" s="139"/>
      <c r="AC128" s="139"/>
      <c r="AD128" s="139"/>
      <c r="AE128" s="139"/>
      <c r="AF128" s="139"/>
      <c r="AG128" s="139"/>
      <c r="AH128" s="139"/>
      <c r="AI128" s="139"/>
      <c r="AJ128" s="139"/>
      <c r="AK128" s="139"/>
      <c r="AL128" s="139"/>
      <c r="AM128" s="139"/>
      <c r="AN128" s="139"/>
      <c r="AO128" s="140"/>
    </row>
    <row r="129" spans="1:41" ht="9.75" customHeight="1">
      <c r="A129" s="138"/>
      <c r="B129" s="139"/>
      <c r="C129" s="139"/>
      <c r="D129" s="139"/>
      <c r="E129" s="139"/>
      <c r="F129" s="139"/>
      <c r="G129" s="139"/>
      <c r="H129" s="139"/>
      <c r="I129" s="139"/>
      <c r="J129" s="139"/>
      <c r="K129" s="139"/>
      <c r="L129" s="139"/>
      <c r="M129" s="139"/>
      <c r="N129" s="139"/>
      <c r="O129" s="139"/>
      <c r="P129" s="139"/>
      <c r="Q129" s="139"/>
      <c r="R129" s="139"/>
      <c r="S129" s="139"/>
      <c r="T129" s="139"/>
      <c r="U129" s="139"/>
      <c r="V129" s="139"/>
      <c r="W129" s="139"/>
      <c r="X129" s="139"/>
      <c r="Y129" s="139"/>
      <c r="Z129" s="139"/>
      <c r="AA129" s="139"/>
      <c r="AB129" s="139"/>
      <c r="AC129" s="139"/>
      <c r="AD129" s="139"/>
      <c r="AE129" s="139"/>
      <c r="AF129" s="139"/>
      <c r="AG129" s="139"/>
      <c r="AH129" s="139"/>
      <c r="AI129" s="139"/>
      <c r="AJ129" s="139"/>
      <c r="AK129" s="139"/>
      <c r="AL129" s="139"/>
      <c r="AM129" s="139"/>
      <c r="AN129" s="139"/>
      <c r="AO129" s="140"/>
    </row>
    <row r="130" spans="1:41" ht="9.75" customHeight="1">
      <c r="A130" s="138"/>
      <c r="B130" s="139"/>
      <c r="C130" s="139"/>
      <c r="D130" s="139"/>
      <c r="E130" s="139"/>
      <c r="F130" s="139"/>
      <c r="G130" s="139"/>
      <c r="H130" s="139"/>
      <c r="I130" s="139"/>
      <c r="J130" s="139"/>
      <c r="K130" s="139"/>
      <c r="L130" s="139"/>
      <c r="M130" s="139"/>
      <c r="N130" s="139"/>
      <c r="O130" s="139"/>
      <c r="P130" s="139"/>
      <c r="Q130" s="139"/>
      <c r="R130" s="139"/>
      <c r="S130" s="139"/>
      <c r="T130" s="139"/>
      <c r="U130" s="139"/>
      <c r="V130" s="139"/>
      <c r="W130" s="139"/>
      <c r="X130" s="139"/>
      <c r="Y130" s="139"/>
      <c r="Z130" s="139"/>
      <c r="AA130" s="139"/>
      <c r="AB130" s="139"/>
      <c r="AC130" s="139"/>
      <c r="AD130" s="139"/>
      <c r="AE130" s="139"/>
      <c r="AF130" s="139"/>
      <c r="AG130" s="139"/>
      <c r="AH130" s="139"/>
      <c r="AI130" s="139"/>
      <c r="AJ130" s="139"/>
      <c r="AK130" s="139"/>
      <c r="AL130" s="139"/>
      <c r="AM130" s="139"/>
      <c r="AN130" s="139"/>
      <c r="AO130" s="140"/>
    </row>
    <row r="131" spans="1:41" ht="9.75" customHeight="1">
      <c r="A131" s="138"/>
      <c r="B131" s="139"/>
      <c r="C131" s="139"/>
      <c r="D131" s="139"/>
      <c r="E131" s="139"/>
      <c r="F131" s="139"/>
      <c r="G131" s="139"/>
      <c r="H131" s="139"/>
      <c r="I131" s="139"/>
      <c r="J131" s="139"/>
      <c r="K131" s="139"/>
      <c r="L131" s="139"/>
      <c r="M131" s="139"/>
      <c r="N131" s="139"/>
      <c r="O131" s="139"/>
      <c r="P131" s="139"/>
      <c r="Q131" s="139"/>
      <c r="R131" s="139"/>
      <c r="S131" s="139"/>
      <c r="T131" s="139"/>
      <c r="U131" s="139"/>
      <c r="V131" s="139"/>
      <c r="W131" s="139"/>
      <c r="X131" s="139"/>
      <c r="Y131" s="139"/>
      <c r="Z131" s="139"/>
      <c r="AA131" s="139"/>
      <c r="AB131" s="139"/>
      <c r="AC131" s="139"/>
      <c r="AD131" s="139"/>
      <c r="AE131" s="139"/>
      <c r="AF131" s="139"/>
      <c r="AG131" s="139"/>
      <c r="AH131" s="139"/>
      <c r="AI131" s="139"/>
      <c r="AJ131" s="139"/>
      <c r="AK131" s="139"/>
      <c r="AL131" s="139"/>
      <c r="AM131" s="139"/>
      <c r="AN131" s="139"/>
      <c r="AO131" s="140"/>
    </row>
    <row r="132" spans="1:41" ht="9.75" customHeight="1">
      <c r="A132" s="138"/>
      <c r="B132" s="139"/>
      <c r="C132" s="139"/>
      <c r="D132" s="139"/>
      <c r="E132" s="139"/>
      <c r="F132" s="139"/>
      <c r="G132" s="139"/>
      <c r="H132" s="139"/>
      <c r="I132" s="139"/>
      <c r="J132" s="139"/>
      <c r="K132" s="139"/>
      <c r="L132" s="139"/>
      <c r="M132" s="139"/>
      <c r="N132" s="139"/>
      <c r="O132" s="139"/>
      <c r="P132" s="139"/>
      <c r="Q132" s="139"/>
      <c r="R132" s="139"/>
      <c r="S132" s="139"/>
      <c r="T132" s="139"/>
      <c r="U132" s="139"/>
      <c r="V132" s="139"/>
      <c r="W132" s="139"/>
      <c r="X132" s="139"/>
      <c r="Y132" s="139"/>
      <c r="Z132" s="139"/>
      <c r="AA132" s="139"/>
      <c r="AB132" s="139"/>
      <c r="AC132" s="139"/>
      <c r="AD132" s="139"/>
      <c r="AE132" s="139"/>
      <c r="AF132" s="139"/>
      <c r="AG132" s="139"/>
      <c r="AH132" s="139"/>
      <c r="AI132" s="139"/>
      <c r="AJ132" s="139"/>
      <c r="AK132" s="139"/>
      <c r="AL132" s="139"/>
      <c r="AM132" s="139"/>
      <c r="AN132" s="139"/>
      <c r="AO132" s="140"/>
    </row>
    <row r="133" spans="1:41" ht="9.75" customHeight="1">
      <c r="A133" s="138"/>
      <c r="B133" s="139"/>
      <c r="C133" s="139"/>
      <c r="D133" s="139"/>
      <c r="E133" s="139"/>
      <c r="F133" s="139"/>
      <c r="G133" s="139"/>
      <c r="H133" s="139"/>
      <c r="I133" s="139"/>
      <c r="J133" s="139"/>
      <c r="K133" s="139"/>
      <c r="L133" s="139"/>
      <c r="M133" s="139"/>
      <c r="N133" s="139"/>
      <c r="O133" s="139"/>
      <c r="P133" s="139"/>
      <c r="Q133" s="139"/>
      <c r="R133" s="139"/>
      <c r="S133" s="139"/>
      <c r="T133" s="139"/>
      <c r="U133" s="139"/>
      <c r="V133" s="139"/>
      <c r="W133" s="139"/>
      <c r="X133" s="139"/>
      <c r="Y133" s="139"/>
      <c r="Z133" s="139"/>
      <c r="AA133" s="139"/>
      <c r="AB133" s="139"/>
      <c r="AC133" s="139"/>
      <c r="AD133" s="139"/>
      <c r="AE133" s="139"/>
      <c r="AF133" s="139"/>
      <c r="AG133" s="139"/>
      <c r="AH133" s="139"/>
      <c r="AI133" s="139"/>
      <c r="AJ133" s="139"/>
      <c r="AK133" s="139"/>
      <c r="AL133" s="139"/>
      <c r="AM133" s="139"/>
      <c r="AN133" s="139"/>
      <c r="AO133" s="140"/>
    </row>
    <row r="134" spans="1:41" ht="9.75" customHeight="1">
      <c r="A134" s="138"/>
      <c r="B134" s="139"/>
      <c r="C134" s="139"/>
      <c r="D134" s="139"/>
      <c r="E134" s="139"/>
      <c r="F134" s="139"/>
      <c r="G134" s="139"/>
      <c r="H134" s="139"/>
      <c r="I134" s="139"/>
      <c r="J134" s="139"/>
      <c r="K134" s="139"/>
      <c r="L134" s="139"/>
      <c r="M134" s="139"/>
      <c r="N134" s="139"/>
      <c r="O134" s="139"/>
      <c r="P134" s="139"/>
      <c r="Q134" s="139"/>
      <c r="R134" s="139"/>
      <c r="S134" s="139"/>
      <c r="T134" s="139"/>
      <c r="U134" s="139"/>
      <c r="V134" s="139"/>
      <c r="W134" s="139"/>
      <c r="X134" s="139"/>
      <c r="Y134" s="139"/>
      <c r="Z134" s="139"/>
      <c r="AA134" s="139"/>
      <c r="AB134" s="139"/>
      <c r="AC134" s="139"/>
      <c r="AD134" s="139"/>
      <c r="AE134" s="139"/>
      <c r="AF134" s="139"/>
      <c r="AG134" s="139"/>
      <c r="AH134" s="139"/>
      <c r="AI134" s="139"/>
      <c r="AJ134" s="139"/>
      <c r="AK134" s="139"/>
      <c r="AL134" s="139"/>
      <c r="AM134" s="139"/>
      <c r="AN134" s="139"/>
      <c r="AO134" s="140"/>
    </row>
    <row r="135" spans="1:41" ht="9.75" customHeight="1">
      <c r="A135" s="138"/>
      <c r="B135" s="139"/>
      <c r="C135" s="139"/>
      <c r="D135" s="139"/>
      <c r="E135" s="139"/>
      <c r="F135" s="139"/>
      <c r="G135" s="139"/>
      <c r="H135" s="139"/>
      <c r="I135" s="139"/>
      <c r="J135" s="139"/>
      <c r="K135" s="139"/>
      <c r="L135" s="139"/>
      <c r="M135" s="139"/>
      <c r="N135" s="139"/>
      <c r="O135" s="139"/>
      <c r="P135" s="139"/>
      <c r="Q135" s="139"/>
      <c r="R135" s="139"/>
      <c r="S135" s="139"/>
      <c r="T135" s="139"/>
      <c r="U135" s="139"/>
      <c r="V135" s="139"/>
      <c r="W135" s="139"/>
      <c r="X135" s="139"/>
      <c r="Y135" s="139"/>
      <c r="Z135" s="139"/>
      <c r="AA135" s="139"/>
      <c r="AB135" s="139"/>
      <c r="AC135" s="139"/>
      <c r="AD135" s="139"/>
      <c r="AE135" s="139"/>
      <c r="AF135" s="139"/>
      <c r="AG135" s="139"/>
      <c r="AH135" s="139"/>
      <c r="AI135" s="139"/>
      <c r="AJ135" s="139"/>
      <c r="AK135" s="139"/>
      <c r="AL135" s="139"/>
      <c r="AM135" s="139"/>
      <c r="AN135" s="139"/>
      <c r="AO135" s="140"/>
    </row>
    <row r="136" spans="1:41" ht="9.75" customHeight="1">
      <c r="A136" s="138"/>
      <c r="B136" s="139"/>
      <c r="C136" s="139"/>
      <c r="D136" s="139"/>
      <c r="E136" s="139"/>
      <c r="F136" s="139"/>
      <c r="G136" s="139"/>
      <c r="H136" s="139"/>
      <c r="I136" s="139"/>
      <c r="J136" s="139"/>
      <c r="K136" s="139"/>
      <c r="L136" s="139"/>
      <c r="M136" s="139"/>
      <c r="N136" s="139"/>
      <c r="O136" s="139"/>
      <c r="P136" s="139"/>
      <c r="Q136" s="139"/>
      <c r="R136" s="139"/>
      <c r="S136" s="139"/>
      <c r="T136" s="139"/>
      <c r="U136" s="139"/>
      <c r="V136" s="139"/>
      <c r="W136" s="139"/>
      <c r="X136" s="139"/>
      <c r="Y136" s="139"/>
      <c r="Z136" s="139"/>
      <c r="AA136" s="139"/>
      <c r="AB136" s="139"/>
      <c r="AC136" s="139"/>
      <c r="AD136" s="139"/>
      <c r="AE136" s="139"/>
      <c r="AF136" s="139"/>
      <c r="AG136" s="139"/>
      <c r="AH136" s="139"/>
      <c r="AI136" s="139"/>
      <c r="AJ136" s="139"/>
      <c r="AK136" s="139"/>
      <c r="AL136" s="139"/>
      <c r="AM136" s="139"/>
      <c r="AN136" s="139"/>
      <c r="AO136" s="140"/>
    </row>
    <row r="137" spans="1:41" ht="9.75" customHeight="1">
      <c r="A137" s="138"/>
      <c r="B137" s="139"/>
      <c r="C137" s="139"/>
      <c r="D137" s="139"/>
      <c r="E137" s="139"/>
      <c r="F137" s="139"/>
      <c r="G137" s="139"/>
      <c r="H137" s="139"/>
      <c r="I137" s="139"/>
      <c r="J137" s="139"/>
      <c r="K137" s="139"/>
      <c r="L137" s="139"/>
      <c r="M137" s="139"/>
      <c r="N137" s="139"/>
      <c r="O137" s="139"/>
      <c r="P137" s="139"/>
      <c r="Q137" s="139"/>
      <c r="R137" s="139"/>
      <c r="S137" s="139"/>
      <c r="T137" s="139"/>
      <c r="U137" s="139"/>
      <c r="V137" s="139"/>
      <c r="W137" s="139"/>
      <c r="X137" s="139"/>
      <c r="Y137" s="139"/>
      <c r="Z137" s="139"/>
      <c r="AA137" s="139"/>
      <c r="AB137" s="139"/>
      <c r="AC137" s="139"/>
      <c r="AD137" s="139"/>
      <c r="AE137" s="139"/>
      <c r="AF137" s="139"/>
      <c r="AG137" s="139"/>
      <c r="AH137" s="139"/>
      <c r="AI137" s="139"/>
      <c r="AJ137" s="139"/>
      <c r="AK137" s="139"/>
      <c r="AL137" s="139"/>
      <c r="AM137" s="139"/>
      <c r="AN137" s="139"/>
      <c r="AO137" s="140"/>
    </row>
    <row r="138" spans="1:41" ht="9.75" customHeight="1">
      <c r="A138" s="138"/>
      <c r="B138" s="139"/>
      <c r="C138" s="139"/>
      <c r="D138" s="139"/>
      <c r="E138" s="139"/>
      <c r="F138" s="139"/>
      <c r="G138" s="139"/>
      <c r="H138" s="139"/>
      <c r="I138" s="139"/>
      <c r="J138" s="139"/>
      <c r="K138" s="139"/>
      <c r="L138" s="139"/>
      <c r="M138" s="139"/>
      <c r="N138" s="139"/>
      <c r="O138" s="139"/>
      <c r="P138" s="139"/>
      <c r="Q138" s="139"/>
      <c r="R138" s="139"/>
      <c r="S138" s="139"/>
      <c r="T138" s="139"/>
      <c r="U138" s="139"/>
      <c r="V138" s="139"/>
      <c r="W138" s="139"/>
      <c r="X138" s="139"/>
      <c r="Y138" s="139"/>
      <c r="Z138" s="139"/>
      <c r="AA138" s="139"/>
      <c r="AB138" s="139"/>
      <c r="AC138" s="139"/>
      <c r="AD138" s="139"/>
      <c r="AE138" s="139"/>
      <c r="AF138" s="139"/>
      <c r="AG138" s="139"/>
      <c r="AH138" s="139"/>
      <c r="AI138" s="139"/>
      <c r="AJ138" s="139"/>
      <c r="AK138" s="139"/>
      <c r="AL138" s="139"/>
      <c r="AM138" s="139"/>
      <c r="AN138" s="139"/>
      <c r="AO138" s="140"/>
    </row>
    <row r="139" spans="1:41" ht="9.75" customHeight="1">
      <c r="A139" s="138"/>
      <c r="B139" s="139"/>
      <c r="C139" s="139"/>
      <c r="D139" s="139"/>
      <c r="E139" s="139"/>
      <c r="F139" s="139"/>
      <c r="G139" s="139"/>
      <c r="H139" s="139"/>
      <c r="I139" s="139"/>
      <c r="J139" s="139"/>
      <c r="K139" s="139"/>
      <c r="L139" s="139"/>
      <c r="M139" s="139"/>
      <c r="N139" s="139"/>
      <c r="O139" s="139"/>
      <c r="P139" s="139"/>
      <c r="Q139" s="139"/>
      <c r="R139" s="139"/>
      <c r="S139" s="139"/>
      <c r="T139" s="139"/>
      <c r="U139" s="139"/>
      <c r="V139" s="139"/>
      <c r="W139" s="139"/>
      <c r="X139" s="139"/>
      <c r="Y139" s="139"/>
      <c r="Z139" s="139"/>
      <c r="AA139" s="139"/>
      <c r="AB139" s="139"/>
      <c r="AC139" s="139"/>
      <c r="AD139" s="139"/>
      <c r="AE139" s="139"/>
      <c r="AF139" s="139"/>
      <c r="AG139" s="139"/>
      <c r="AH139" s="139"/>
      <c r="AI139" s="139"/>
      <c r="AJ139" s="139"/>
      <c r="AK139" s="139"/>
      <c r="AL139" s="139"/>
      <c r="AM139" s="139"/>
      <c r="AN139" s="139"/>
      <c r="AO139" s="140"/>
    </row>
    <row r="140" spans="1:41" ht="9.75" customHeight="1">
      <c r="A140" s="138"/>
      <c r="B140" s="139"/>
      <c r="C140" s="139"/>
      <c r="D140" s="139"/>
      <c r="E140" s="139"/>
      <c r="F140" s="139"/>
      <c r="G140" s="139"/>
      <c r="H140" s="139"/>
      <c r="I140" s="139"/>
      <c r="J140" s="139"/>
      <c r="K140" s="139"/>
      <c r="L140" s="139"/>
      <c r="M140" s="139"/>
      <c r="N140" s="139"/>
      <c r="O140" s="139"/>
      <c r="P140" s="139"/>
      <c r="Q140" s="139"/>
      <c r="R140" s="139"/>
      <c r="S140" s="139"/>
      <c r="T140" s="139"/>
      <c r="U140" s="139"/>
      <c r="V140" s="139"/>
      <c r="W140" s="139"/>
      <c r="X140" s="139"/>
      <c r="Y140" s="139"/>
      <c r="Z140" s="139"/>
      <c r="AA140" s="139"/>
      <c r="AB140" s="139"/>
      <c r="AC140" s="139"/>
      <c r="AD140" s="139"/>
      <c r="AE140" s="139"/>
      <c r="AF140" s="139"/>
      <c r="AG140" s="139"/>
      <c r="AH140" s="139"/>
      <c r="AI140" s="139"/>
      <c r="AJ140" s="139"/>
      <c r="AK140" s="139"/>
      <c r="AL140" s="139"/>
      <c r="AM140" s="139"/>
      <c r="AN140" s="139"/>
      <c r="AO140" s="140"/>
    </row>
    <row r="141" spans="1:41" ht="9.75" customHeight="1">
      <c r="A141" s="138"/>
      <c r="B141" s="139"/>
      <c r="C141" s="139"/>
      <c r="D141" s="139"/>
      <c r="E141" s="139"/>
      <c r="F141" s="139"/>
      <c r="G141" s="139"/>
      <c r="H141" s="139"/>
      <c r="I141" s="139"/>
      <c r="J141" s="139"/>
      <c r="K141" s="139"/>
      <c r="L141" s="139"/>
      <c r="M141" s="139"/>
      <c r="N141" s="139"/>
      <c r="O141" s="139"/>
      <c r="P141" s="139"/>
      <c r="Q141" s="139"/>
      <c r="R141" s="139"/>
      <c r="S141" s="139"/>
      <c r="T141" s="139"/>
      <c r="U141" s="139"/>
      <c r="V141" s="139"/>
      <c r="W141" s="139"/>
      <c r="X141" s="139"/>
      <c r="Y141" s="139"/>
      <c r="Z141" s="139"/>
      <c r="AA141" s="139"/>
      <c r="AB141" s="139"/>
      <c r="AC141" s="139"/>
      <c r="AD141" s="139"/>
      <c r="AE141" s="139"/>
      <c r="AF141" s="139"/>
      <c r="AG141" s="139"/>
      <c r="AH141" s="139"/>
      <c r="AI141" s="139"/>
      <c r="AJ141" s="139"/>
      <c r="AK141" s="139"/>
      <c r="AL141" s="139"/>
      <c r="AM141" s="139"/>
      <c r="AN141" s="139"/>
      <c r="AO141" s="140"/>
    </row>
    <row r="142" spans="1:41" ht="9.75" customHeight="1">
      <c r="A142" s="138"/>
      <c r="B142" s="139"/>
      <c r="C142" s="139"/>
      <c r="D142" s="139"/>
      <c r="E142" s="139"/>
      <c r="F142" s="139"/>
      <c r="G142" s="139"/>
      <c r="H142" s="139"/>
      <c r="I142" s="139"/>
      <c r="J142" s="139"/>
      <c r="K142" s="139"/>
      <c r="L142" s="139"/>
      <c r="M142" s="139"/>
      <c r="N142" s="139"/>
      <c r="O142" s="139"/>
      <c r="P142" s="139"/>
      <c r="Q142" s="139"/>
      <c r="R142" s="139"/>
      <c r="S142" s="139"/>
      <c r="T142" s="139"/>
      <c r="U142" s="139"/>
      <c r="V142" s="139"/>
      <c r="W142" s="139"/>
      <c r="X142" s="139"/>
      <c r="Y142" s="139"/>
      <c r="Z142" s="139"/>
      <c r="AA142" s="139"/>
      <c r="AB142" s="139"/>
      <c r="AC142" s="139"/>
      <c r="AD142" s="139"/>
      <c r="AE142" s="139"/>
      <c r="AF142" s="139"/>
      <c r="AG142" s="139"/>
      <c r="AH142" s="139"/>
      <c r="AI142" s="139"/>
      <c r="AJ142" s="139"/>
      <c r="AK142" s="139"/>
      <c r="AL142" s="139"/>
      <c r="AM142" s="139"/>
      <c r="AN142" s="139"/>
      <c r="AO142" s="140"/>
    </row>
    <row r="143" spans="1:41" ht="9.75" customHeight="1">
      <c r="A143" s="138"/>
      <c r="B143" s="139"/>
      <c r="C143" s="139"/>
      <c r="D143" s="139"/>
      <c r="E143" s="139"/>
      <c r="F143" s="139"/>
      <c r="G143" s="139"/>
      <c r="H143" s="139"/>
      <c r="I143" s="139"/>
      <c r="J143" s="139"/>
      <c r="K143" s="139"/>
      <c r="L143" s="139"/>
      <c r="M143" s="139"/>
      <c r="N143" s="139"/>
      <c r="O143" s="139"/>
      <c r="P143" s="139"/>
      <c r="Q143" s="139"/>
      <c r="R143" s="139"/>
      <c r="S143" s="139"/>
      <c r="T143" s="139"/>
      <c r="U143" s="139"/>
      <c r="V143" s="139"/>
      <c r="W143" s="139"/>
      <c r="X143" s="139"/>
      <c r="Y143" s="139"/>
      <c r="Z143" s="139"/>
      <c r="AA143" s="139"/>
      <c r="AB143" s="139"/>
      <c r="AC143" s="139"/>
      <c r="AD143" s="139"/>
      <c r="AE143" s="139"/>
      <c r="AF143" s="139"/>
      <c r="AG143" s="139"/>
      <c r="AH143" s="139"/>
      <c r="AI143" s="139"/>
      <c r="AJ143" s="139"/>
      <c r="AK143" s="139"/>
      <c r="AL143" s="139"/>
      <c r="AM143" s="139"/>
      <c r="AN143" s="139"/>
      <c r="AO143" s="140"/>
    </row>
    <row r="144" spans="1:41" ht="9.75" customHeight="1">
      <c r="A144" s="138"/>
      <c r="B144" s="139"/>
      <c r="C144" s="139"/>
      <c r="D144" s="139"/>
      <c r="E144" s="139"/>
      <c r="F144" s="139"/>
      <c r="G144" s="139"/>
      <c r="H144" s="139"/>
      <c r="I144" s="139"/>
      <c r="J144" s="139"/>
      <c r="K144" s="139"/>
      <c r="L144" s="139"/>
      <c r="M144" s="139"/>
      <c r="N144" s="139"/>
      <c r="O144" s="139"/>
      <c r="P144" s="139"/>
      <c r="Q144" s="139"/>
      <c r="R144" s="139"/>
      <c r="S144" s="139"/>
      <c r="T144" s="139"/>
      <c r="U144" s="139"/>
      <c r="V144" s="139"/>
      <c r="W144" s="139"/>
      <c r="X144" s="139"/>
      <c r="Y144" s="139"/>
      <c r="Z144" s="139"/>
      <c r="AA144" s="139"/>
      <c r="AB144" s="139"/>
      <c r="AC144" s="139"/>
      <c r="AD144" s="139"/>
      <c r="AE144" s="139"/>
      <c r="AF144" s="139"/>
      <c r="AG144" s="139"/>
      <c r="AH144" s="139"/>
      <c r="AI144" s="139"/>
      <c r="AJ144" s="139"/>
      <c r="AK144" s="139"/>
      <c r="AL144" s="139"/>
      <c r="AM144" s="139"/>
      <c r="AN144" s="139"/>
      <c r="AO144" s="140"/>
    </row>
    <row r="145" spans="1:41" ht="9.75" customHeight="1">
      <c r="A145" s="138"/>
      <c r="B145" s="139"/>
      <c r="C145" s="139"/>
      <c r="D145" s="139"/>
      <c r="E145" s="139"/>
      <c r="F145" s="139"/>
      <c r="G145" s="139"/>
      <c r="H145" s="139"/>
      <c r="I145" s="139"/>
      <c r="J145" s="139"/>
      <c r="K145" s="139"/>
      <c r="L145" s="139"/>
      <c r="M145" s="139"/>
      <c r="N145" s="139"/>
      <c r="O145" s="139"/>
      <c r="P145" s="139"/>
      <c r="Q145" s="139"/>
      <c r="R145" s="139"/>
      <c r="S145" s="139"/>
      <c r="T145" s="139"/>
      <c r="U145" s="139"/>
      <c r="V145" s="139"/>
      <c r="W145" s="139"/>
      <c r="X145" s="139"/>
      <c r="Y145" s="139"/>
      <c r="Z145" s="139"/>
      <c r="AA145" s="139"/>
      <c r="AB145" s="139"/>
      <c r="AC145" s="139"/>
      <c r="AD145" s="139"/>
      <c r="AE145" s="139"/>
      <c r="AF145" s="139"/>
      <c r="AG145" s="139"/>
      <c r="AH145" s="139"/>
      <c r="AI145" s="139"/>
      <c r="AJ145" s="139"/>
      <c r="AK145" s="139"/>
      <c r="AL145" s="139"/>
      <c r="AM145" s="139"/>
      <c r="AN145" s="139"/>
      <c r="AO145" s="140"/>
    </row>
    <row r="146" spans="1:41" ht="9.75" customHeight="1">
      <c r="A146" s="138"/>
      <c r="B146" s="139"/>
      <c r="C146" s="139"/>
      <c r="D146" s="139"/>
      <c r="E146" s="139"/>
      <c r="F146" s="139"/>
      <c r="G146" s="139"/>
      <c r="H146" s="139"/>
      <c r="I146" s="139"/>
      <c r="J146" s="139"/>
      <c r="K146" s="139"/>
      <c r="L146" s="139"/>
      <c r="M146" s="139"/>
      <c r="N146" s="139"/>
      <c r="O146" s="139"/>
      <c r="P146" s="139"/>
      <c r="Q146" s="139"/>
      <c r="R146" s="139"/>
      <c r="S146" s="139"/>
      <c r="T146" s="139"/>
      <c r="U146" s="139"/>
      <c r="V146" s="139"/>
      <c r="W146" s="139"/>
      <c r="X146" s="139"/>
      <c r="Y146" s="139"/>
      <c r="Z146" s="139"/>
      <c r="AA146" s="139"/>
      <c r="AB146" s="139"/>
      <c r="AC146" s="139"/>
      <c r="AD146" s="139"/>
      <c r="AE146" s="139"/>
      <c r="AF146" s="139"/>
      <c r="AG146" s="139"/>
      <c r="AH146" s="139"/>
      <c r="AI146" s="139"/>
      <c r="AJ146" s="139"/>
      <c r="AK146" s="139"/>
      <c r="AL146" s="139"/>
      <c r="AM146" s="139"/>
      <c r="AN146" s="139"/>
      <c r="AO146" s="140"/>
    </row>
    <row r="147" spans="1:41" ht="9.75" customHeight="1">
      <c r="A147" s="138"/>
      <c r="B147" s="139"/>
      <c r="C147" s="139"/>
      <c r="D147" s="139"/>
      <c r="E147" s="139"/>
      <c r="F147" s="139"/>
      <c r="G147" s="139"/>
      <c r="H147" s="139"/>
      <c r="I147" s="139"/>
      <c r="J147" s="139"/>
      <c r="K147" s="139"/>
      <c r="L147" s="139"/>
      <c r="M147" s="139"/>
      <c r="N147" s="139"/>
      <c r="O147" s="139"/>
      <c r="P147" s="139"/>
      <c r="Q147" s="139"/>
      <c r="R147" s="139"/>
      <c r="S147" s="139"/>
      <c r="T147" s="139"/>
      <c r="U147" s="139"/>
      <c r="V147" s="139"/>
      <c r="W147" s="139"/>
      <c r="X147" s="139"/>
      <c r="Y147" s="139"/>
      <c r="Z147" s="139"/>
      <c r="AA147" s="139"/>
      <c r="AB147" s="139"/>
      <c r="AC147" s="139"/>
      <c r="AD147" s="139"/>
      <c r="AE147" s="139"/>
      <c r="AF147" s="139"/>
      <c r="AG147" s="139"/>
      <c r="AH147" s="139"/>
      <c r="AI147" s="139"/>
      <c r="AJ147" s="139"/>
      <c r="AK147" s="139"/>
      <c r="AL147" s="139"/>
      <c r="AM147" s="139"/>
      <c r="AN147" s="139"/>
      <c r="AO147" s="140"/>
    </row>
    <row r="148" spans="1:41" ht="9.75" customHeight="1">
      <c r="A148" s="138"/>
      <c r="B148" s="139"/>
      <c r="C148" s="139"/>
      <c r="D148" s="139"/>
      <c r="E148" s="139"/>
      <c r="F148" s="139"/>
      <c r="G148" s="139"/>
      <c r="H148" s="139"/>
      <c r="I148" s="139"/>
      <c r="J148" s="139"/>
      <c r="K148" s="139"/>
      <c r="L148" s="139"/>
      <c r="M148" s="139"/>
      <c r="N148" s="139"/>
      <c r="O148" s="139"/>
      <c r="P148" s="139"/>
      <c r="Q148" s="139"/>
      <c r="R148" s="139"/>
      <c r="S148" s="139"/>
      <c r="T148" s="139"/>
      <c r="U148" s="139"/>
      <c r="V148" s="139"/>
      <c r="W148" s="139"/>
      <c r="X148" s="139"/>
      <c r="Y148" s="139"/>
      <c r="Z148" s="139"/>
      <c r="AA148" s="139"/>
      <c r="AB148" s="139"/>
      <c r="AC148" s="139"/>
      <c r="AD148" s="139"/>
      <c r="AE148" s="139"/>
      <c r="AF148" s="139"/>
      <c r="AG148" s="139"/>
      <c r="AH148" s="139"/>
      <c r="AI148" s="139"/>
      <c r="AJ148" s="139"/>
      <c r="AK148" s="139"/>
      <c r="AL148" s="139"/>
      <c r="AM148" s="139"/>
      <c r="AN148" s="139"/>
      <c r="AO148" s="140"/>
    </row>
    <row r="149" spans="1:41" ht="9.75" customHeight="1">
      <c r="A149" s="138"/>
      <c r="B149" s="139"/>
      <c r="C149" s="139"/>
      <c r="D149" s="139"/>
      <c r="E149" s="139"/>
      <c r="F149" s="139"/>
      <c r="G149" s="139"/>
      <c r="H149" s="139"/>
      <c r="I149" s="139"/>
      <c r="J149" s="139"/>
      <c r="K149" s="139"/>
      <c r="L149" s="139"/>
      <c r="M149" s="139"/>
      <c r="N149" s="139"/>
      <c r="O149" s="139"/>
      <c r="P149" s="139"/>
      <c r="Q149" s="139"/>
      <c r="R149" s="139"/>
      <c r="S149" s="139"/>
      <c r="T149" s="139"/>
      <c r="U149" s="139"/>
      <c r="V149" s="139"/>
      <c r="W149" s="139"/>
      <c r="X149" s="139"/>
      <c r="Y149" s="139"/>
      <c r="Z149" s="139"/>
      <c r="AA149" s="139"/>
      <c r="AB149" s="139"/>
      <c r="AC149" s="139"/>
      <c r="AD149" s="139"/>
      <c r="AE149" s="139"/>
      <c r="AF149" s="139"/>
      <c r="AG149" s="139"/>
      <c r="AH149" s="139"/>
      <c r="AI149" s="139"/>
      <c r="AJ149" s="139"/>
      <c r="AK149" s="139"/>
      <c r="AL149" s="139"/>
      <c r="AM149" s="139"/>
      <c r="AN149" s="139"/>
      <c r="AO149" s="140"/>
    </row>
    <row r="150" spans="1:41" ht="9.75" customHeight="1">
      <c r="A150" s="138"/>
      <c r="B150" s="139"/>
      <c r="C150" s="139"/>
      <c r="D150" s="139"/>
      <c r="E150" s="139"/>
      <c r="F150" s="139"/>
      <c r="G150" s="139"/>
      <c r="H150" s="139"/>
      <c r="I150" s="139"/>
      <c r="J150" s="139"/>
      <c r="K150" s="139"/>
      <c r="L150" s="139"/>
      <c r="M150" s="139"/>
      <c r="N150" s="139"/>
      <c r="O150" s="139"/>
      <c r="P150" s="139"/>
      <c r="Q150" s="139"/>
      <c r="R150" s="139"/>
      <c r="S150" s="139"/>
      <c r="T150" s="139"/>
      <c r="U150" s="139"/>
      <c r="V150" s="139"/>
      <c r="W150" s="139"/>
      <c r="X150" s="139"/>
      <c r="Y150" s="139"/>
      <c r="Z150" s="139"/>
      <c r="AA150" s="139"/>
      <c r="AB150" s="139"/>
      <c r="AC150" s="139"/>
      <c r="AD150" s="139"/>
      <c r="AE150" s="139"/>
      <c r="AF150" s="139"/>
      <c r="AG150" s="139"/>
      <c r="AH150" s="139"/>
      <c r="AI150" s="139"/>
      <c r="AJ150" s="139"/>
      <c r="AK150" s="139"/>
      <c r="AL150" s="139"/>
      <c r="AM150" s="139"/>
      <c r="AN150" s="139"/>
      <c r="AO150" s="140"/>
    </row>
    <row r="151" spans="1:41" ht="9.75" customHeight="1">
      <c r="A151" s="138"/>
      <c r="B151" s="139"/>
      <c r="C151" s="139"/>
      <c r="D151" s="139"/>
      <c r="E151" s="139"/>
      <c r="F151" s="139"/>
      <c r="G151" s="139"/>
      <c r="H151" s="139"/>
      <c r="I151" s="139"/>
      <c r="J151" s="139"/>
      <c r="K151" s="139"/>
      <c r="L151" s="139"/>
      <c r="M151" s="139"/>
      <c r="N151" s="139"/>
      <c r="O151" s="139"/>
      <c r="P151" s="139"/>
      <c r="Q151" s="139"/>
      <c r="R151" s="139"/>
      <c r="S151" s="139"/>
      <c r="T151" s="139"/>
      <c r="U151" s="139"/>
      <c r="V151" s="139"/>
      <c r="W151" s="139"/>
      <c r="X151" s="139"/>
      <c r="Y151" s="139"/>
      <c r="Z151" s="139"/>
      <c r="AA151" s="139"/>
      <c r="AB151" s="139"/>
      <c r="AC151" s="139"/>
      <c r="AD151" s="139"/>
      <c r="AE151" s="139"/>
      <c r="AF151" s="139"/>
      <c r="AG151" s="139"/>
      <c r="AH151" s="139"/>
      <c r="AI151" s="139"/>
      <c r="AJ151" s="139"/>
      <c r="AK151" s="139"/>
      <c r="AL151" s="139"/>
      <c r="AM151" s="139"/>
      <c r="AN151" s="139"/>
      <c r="AO151" s="140"/>
    </row>
    <row r="152" spans="1:41" ht="9.75" customHeight="1">
      <c r="A152" s="138"/>
      <c r="B152" s="139"/>
      <c r="C152" s="139"/>
      <c r="D152" s="139"/>
      <c r="E152" s="139"/>
      <c r="F152" s="139"/>
      <c r="G152" s="139"/>
      <c r="H152" s="139"/>
      <c r="I152" s="139"/>
      <c r="J152" s="139"/>
      <c r="K152" s="139"/>
      <c r="L152" s="139"/>
      <c r="M152" s="139"/>
      <c r="N152" s="139"/>
      <c r="O152" s="139"/>
      <c r="P152" s="139"/>
      <c r="Q152" s="139"/>
      <c r="R152" s="139"/>
      <c r="S152" s="139"/>
      <c r="T152" s="139"/>
      <c r="U152" s="139"/>
      <c r="V152" s="139"/>
      <c r="W152" s="139"/>
      <c r="X152" s="139"/>
      <c r="Y152" s="139"/>
      <c r="Z152" s="139"/>
      <c r="AA152" s="139"/>
      <c r="AB152" s="139"/>
      <c r="AC152" s="139"/>
      <c r="AD152" s="139"/>
      <c r="AE152" s="139"/>
      <c r="AF152" s="139"/>
      <c r="AG152" s="139"/>
      <c r="AH152" s="139"/>
      <c r="AI152" s="139"/>
      <c r="AJ152" s="139"/>
      <c r="AK152" s="139"/>
      <c r="AL152" s="139"/>
      <c r="AM152" s="139"/>
      <c r="AN152" s="139"/>
      <c r="AO152" s="140"/>
    </row>
    <row r="153" spans="1:41" ht="9.75" customHeight="1">
      <c r="A153" s="138"/>
      <c r="B153" s="139"/>
      <c r="C153" s="139"/>
      <c r="D153" s="139"/>
      <c r="E153" s="139"/>
      <c r="F153" s="139"/>
      <c r="G153" s="139"/>
      <c r="H153" s="139"/>
      <c r="I153" s="139"/>
      <c r="J153" s="139"/>
      <c r="K153" s="139"/>
      <c r="L153" s="139"/>
      <c r="M153" s="139"/>
      <c r="N153" s="139"/>
      <c r="O153" s="139"/>
      <c r="P153" s="139"/>
      <c r="Q153" s="139"/>
      <c r="R153" s="139"/>
      <c r="S153" s="139"/>
      <c r="T153" s="139"/>
      <c r="U153" s="139"/>
      <c r="V153" s="139"/>
      <c r="W153" s="139"/>
      <c r="X153" s="139"/>
      <c r="Y153" s="139"/>
      <c r="Z153" s="139"/>
      <c r="AA153" s="139"/>
      <c r="AB153" s="139"/>
      <c r="AC153" s="139"/>
      <c r="AD153" s="139"/>
      <c r="AE153" s="139"/>
      <c r="AF153" s="139"/>
      <c r="AG153" s="139"/>
      <c r="AH153" s="139"/>
      <c r="AI153" s="139"/>
      <c r="AJ153" s="139"/>
      <c r="AK153" s="139"/>
      <c r="AL153" s="139"/>
      <c r="AM153" s="139"/>
      <c r="AN153" s="139"/>
      <c r="AO153" s="140"/>
    </row>
    <row r="154" spans="1:41" ht="9.75" customHeight="1">
      <c r="A154" s="138"/>
      <c r="B154" s="139"/>
      <c r="C154" s="139"/>
      <c r="D154" s="139"/>
      <c r="E154" s="139"/>
      <c r="F154" s="139"/>
      <c r="G154" s="139"/>
      <c r="H154" s="139"/>
      <c r="I154" s="139"/>
      <c r="J154" s="139"/>
      <c r="K154" s="139"/>
      <c r="L154" s="139"/>
      <c r="M154" s="139"/>
      <c r="N154" s="139"/>
      <c r="O154" s="139"/>
      <c r="P154" s="139"/>
      <c r="Q154" s="139"/>
      <c r="R154" s="139"/>
      <c r="S154" s="139"/>
      <c r="T154" s="139"/>
      <c r="U154" s="139"/>
      <c r="V154" s="139"/>
      <c r="W154" s="139"/>
      <c r="X154" s="139"/>
      <c r="Y154" s="139"/>
      <c r="Z154" s="139"/>
      <c r="AA154" s="139"/>
      <c r="AB154" s="139"/>
      <c r="AC154" s="139"/>
      <c r="AD154" s="139"/>
      <c r="AE154" s="139"/>
      <c r="AF154" s="139"/>
      <c r="AG154" s="139"/>
      <c r="AH154" s="139"/>
      <c r="AI154" s="139"/>
      <c r="AJ154" s="139"/>
      <c r="AK154" s="139"/>
      <c r="AL154" s="139"/>
      <c r="AM154" s="139"/>
      <c r="AN154" s="139"/>
      <c r="AO154" s="140"/>
    </row>
    <row r="155" spans="1:41" ht="9.75" customHeight="1">
      <c r="A155" s="138"/>
      <c r="B155" s="139"/>
      <c r="C155" s="139"/>
      <c r="D155" s="139"/>
      <c r="E155" s="139"/>
      <c r="F155" s="139"/>
      <c r="G155" s="139"/>
      <c r="H155" s="139"/>
      <c r="I155" s="139"/>
      <c r="J155" s="139"/>
      <c r="K155" s="139"/>
      <c r="L155" s="139"/>
      <c r="M155" s="139"/>
      <c r="N155" s="139"/>
      <c r="O155" s="139"/>
      <c r="P155" s="139"/>
      <c r="Q155" s="139"/>
      <c r="R155" s="139"/>
      <c r="S155" s="139"/>
      <c r="T155" s="139"/>
      <c r="U155" s="139"/>
      <c r="V155" s="139"/>
      <c r="W155" s="139"/>
      <c r="X155" s="139"/>
      <c r="Y155" s="139"/>
      <c r="Z155" s="139"/>
      <c r="AA155" s="139"/>
      <c r="AB155" s="139"/>
      <c r="AC155" s="139"/>
      <c r="AD155" s="139"/>
      <c r="AE155" s="139"/>
      <c r="AF155" s="139"/>
      <c r="AG155" s="139"/>
      <c r="AH155" s="139"/>
      <c r="AI155" s="139"/>
      <c r="AJ155" s="139"/>
      <c r="AK155" s="139"/>
      <c r="AL155" s="139"/>
      <c r="AM155" s="139"/>
      <c r="AN155" s="139"/>
      <c r="AO155" s="140"/>
    </row>
    <row r="156" spans="1:41" ht="9.75" customHeight="1">
      <c r="A156" s="138"/>
      <c r="B156" s="139"/>
      <c r="C156" s="139"/>
      <c r="D156" s="139"/>
      <c r="E156" s="139"/>
      <c r="F156" s="139"/>
      <c r="G156" s="139"/>
      <c r="H156" s="139"/>
      <c r="I156" s="139"/>
      <c r="J156" s="139"/>
      <c r="K156" s="139"/>
      <c r="L156" s="139"/>
      <c r="M156" s="139"/>
      <c r="N156" s="139"/>
      <c r="O156" s="139"/>
      <c r="P156" s="139"/>
      <c r="Q156" s="139"/>
      <c r="R156" s="139"/>
      <c r="S156" s="139"/>
      <c r="T156" s="139"/>
      <c r="U156" s="139"/>
      <c r="V156" s="139"/>
      <c r="W156" s="139"/>
      <c r="X156" s="139"/>
      <c r="Y156" s="139"/>
      <c r="Z156" s="139"/>
      <c r="AA156" s="139"/>
      <c r="AB156" s="139"/>
      <c r="AC156" s="139"/>
      <c r="AD156" s="139"/>
      <c r="AE156" s="139"/>
      <c r="AF156" s="139"/>
      <c r="AG156" s="139"/>
      <c r="AH156" s="139"/>
      <c r="AI156" s="139"/>
      <c r="AJ156" s="139"/>
      <c r="AK156" s="139"/>
      <c r="AL156" s="139"/>
      <c r="AM156" s="139"/>
      <c r="AN156" s="139"/>
      <c r="AO156" s="140"/>
    </row>
    <row r="157" spans="1:41" ht="9.75" customHeight="1">
      <c r="A157" s="138"/>
      <c r="B157" s="139"/>
      <c r="C157" s="139"/>
      <c r="D157" s="139"/>
      <c r="E157" s="139"/>
      <c r="F157" s="139"/>
      <c r="G157" s="139"/>
      <c r="H157" s="139"/>
      <c r="I157" s="139"/>
      <c r="J157" s="139"/>
      <c r="K157" s="139"/>
      <c r="L157" s="139"/>
      <c r="M157" s="139"/>
      <c r="N157" s="139"/>
      <c r="O157" s="139"/>
      <c r="P157" s="139"/>
      <c r="Q157" s="139"/>
      <c r="R157" s="139"/>
      <c r="S157" s="139"/>
      <c r="T157" s="139"/>
      <c r="U157" s="139"/>
      <c r="V157" s="139"/>
      <c r="W157" s="139"/>
      <c r="X157" s="139"/>
      <c r="Y157" s="139"/>
      <c r="Z157" s="139"/>
      <c r="AA157" s="139"/>
      <c r="AB157" s="139"/>
      <c r="AC157" s="139"/>
      <c r="AD157" s="139"/>
      <c r="AE157" s="139"/>
      <c r="AF157" s="139"/>
      <c r="AG157" s="139"/>
      <c r="AH157" s="139"/>
      <c r="AI157" s="139"/>
      <c r="AJ157" s="139"/>
      <c r="AK157" s="139"/>
      <c r="AL157" s="139"/>
      <c r="AM157" s="139"/>
      <c r="AN157" s="139"/>
      <c r="AO157" s="140"/>
    </row>
    <row r="158" spans="1:41" ht="9.75" customHeight="1">
      <c r="A158" s="138"/>
      <c r="B158" s="139"/>
      <c r="C158" s="139"/>
      <c r="D158" s="139"/>
      <c r="E158" s="139"/>
      <c r="F158" s="139"/>
      <c r="G158" s="139"/>
      <c r="H158" s="139"/>
      <c r="I158" s="139"/>
      <c r="J158" s="139"/>
      <c r="K158" s="139"/>
      <c r="L158" s="139"/>
      <c r="M158" s="139"/>
      <c r="N158" s="139"/>
      <c r="O158" s="139"/>
      <c r="P158" s="139"/>
      <c r="Q158" s="139"/>
      <c r="R158" s="139"/>
      <c r="S158" s="139"/>
      <c r="T158" s="139"/>
      <c r="U158" s="139"/>
      <c r="V158" s="139"/>
      <c r="W158" s="139"/>
      <c r="X158" s="139"/>
      <c r="Y158" s="139"/>
      <c r="Z158" s="139"/>
      <c r="AA158" s="139"/>
      <c r="AB158" s="139"/>
      <c r="AC158" s="139"/>
      <c r="AD158" s="139"/>
      <c r="AE158" s="139"/>
      <c r="AF158" s="139"/>
      <c r="AG158" s="139"/>
      <c r="AH158" s="139"/>
      <c r="AI158" s="139"/>
      <c r="AJ158" s="139"/>
      <c r="AK158" s="139"/>
      <c r="AL158" s="139"/>
      <c r="AM158" s="139"/>
      <c r="AN158" s="139"/>
      <c r="AO158" s="140"/>
    </row>
    <row r="159" spans="1:41" ht="9.75" customHeight="1">
      <c r="A159" s="138"/>
      <c r="B159" s="139"/>
      <c r="C159" s="139"/>
      <c r="D159" s="139"/>
      <c r="E159" s="139"/>
      <c r="F159" s="139"/>
      <c r="G159" s="139"/>
      <c r="H159" s="139"/>
      <c r="I159" s="139"/>
      <c r="J159" s="139"/>
      <c r="K159" s="139"/>
      <c r="L159" s="139"/>
      <c r="M159" s="139"/>
      <c r="N159" s="139"/>
      <c r="O159" s="139"/>
      <c r="P159" s="139"/>
      <c r="Q159" s="139"/>
      <c r="R159" s="139"/>
      <c r="S159" s="139"/>
      <c r="T159" s="139"/>
      <c r="U159" s="139"/>
      <c r="V159" s="139"/>
      <c r="W159" s="139"/>
      <c r="X159" s="139"/>
      <c r="Y159" s="139"/>
      <c r="Z159" s="139"/>
      <c r="AA159" s="139"/>
      <c r="AB159" s="139"/>
      <c r="AC159" s="139"/>
      <c r="AD159" s="139"/>
      <c r="AE159" s="139"/>
      <c r="AF159" s="139"/>
      <c r="AG159" s="139"/>
      <c r="AH159" s="139"/>
      <c r="AI159" s="139"/>
      <c r="AJ159" s="139"/>
      <c r="AK159" s="139"/>
      <c r="AL159" s="139"/>
      <c r="AM159" s="139"/>
      <c r="AN159" s="139"/>
      <c r="AO159" s="140"/>
    </row>
    <row r="160" spans="1:41" ht="9.75" customHeight="1">
      <c r="A160" s="138"/>
      <c r="B160" s="139"/>
      <c r="C160" s="139"/>
      <c r="D160" s="139"/>
      <c r="E160" s="139"/>
      <c r="F160" s="139"/>
      <c r="G160" s="139"/>
      <c r="H160" s="139"/>
      <c r="I160" s="139"/>
      <c r="J160" s="139"/>
      <c r="K160" s="139"/>
      <c r="L160" s="139"/>
      <c r="M160" s="139"/>
      <c r="N160" s="139"/>
      <c r="O160" s="139"/>
      <c r="P160" s="139"/>
      <c r="Q160" s="139"/>
      <c r="R160" s="139"/>
      <c r="S160" s="139"/>
      <c r="T160" s="139"/>
      <c r="U160" s="139"/>
      <c r="V160" s="139"/>
      <c r="W160" s="139"/>
      <c r="X160" s="139"/>
      <c r="Y160" s="139"/>
      <c r="Z160" s="139"/>
      <c r="AA160" s="139"/>
      <c r="AB160" s="139"/>
      <c r="AC160" s="139"/>
      <c r="AD160" s="139"/>
      <c r="AE160" s="139"/>
      <c r="AF160" s="139"/>
      <c r="AG160" s="139"/>
      <c r="AH160" s="139"/>
      <c r="AI160" s="139"/>
      <c r="AJ160" s="139"/>
      <c r="AK160" s="139"/>
      <c r="AL160" s="139"/>
      <c r="AM160" s="139"/>
      <c r="AN160" s="139"/>
      <c r="AO160" s="140"/>
    </row>
    <row r="161" spans="1:41" ht="9.75" customHeight="1">
      <c r="A161" s="138"/>
      <c r="B161" s="139"/>
      <c r="C161" s="139"/>
      <c r="D161" s="139"/>
      <c r="E161" s="139"/>
      <c r="F161" s="139"/>
      <c r="G161" s="139"/>
      <c r="H161" s="139"/>
      <c r="I161" s="139"/>
      <c r="J161" s="139"/>
      <c r="K161" s="139"/>
      <c r="L161" s="139"/>
      <c r="M161" s="139"/>
      <c r="N161" s="139"/>
      <c r="O161" s="139"/>
      <c r="P161" s="139"/>
      <c r="Q161" s="139"/>
      <c r="R161" s="139"/>
      <c r="S161" s="139"/>
      <c r="T161" s="139"/>
      <c r="U161" s="139"/>
      <c r="V161" s="139"/>
      <c r="W161" s="139"/>
      <c r="X161" s="139"/>
      <c r="Y161" s="139"/>
      <c r="Z161" s="139"/>
      <c r="AA161" s="139"/>
      <c r="AB161" s="139"/>
      <c r="AC161" s="139"/>
      <c r="AD161" s="139"/>
      <c r="AE161" s="139"/>
      <c r="AF161" s="139"/>
      <c r="AG161" s="139"/>
      <c r="AH161" s="139"/>
      <c r="AI161" s="139"/>
      <c r="AJ161" s="139"/>
      <c r="AK161" s="139"/>
      <c r="AL161" s="139"/>
      <c r="AM161" s="139"/>
      <c r="AN161" s="139"/>
      <c r="AO161" s="140"/>
    </row>
    <row r="162" spans="1:41" ht="9.75" customHeight="1">
      <c r="A162" s="138"/>
      <c r="B162" s="139"/>
      <c r="C162" s="139"/>
      <c r="D162" s="139"/>
      <c r="E162" s="139"/>
      <c r="F162" s="139"/>
      <c r="G162" s="139"/>
      <c r="H162" s="139"/>
      <c r="I162" s="139"/>
      <c r="J162" s="139"/>
      <c r="K162" s="139"/>
      <c r="L162" s="139"/>
      <c r="M162" s="139"/>
      <c r="N162" s="139"/>
      <c r="O162" s="139"/>
      <c r="P162" s="139"/>
      <c r="Q162" s="139"/>
      <c r="R162" s="139"/>
      <c r="S162" s="139"/>
      <c r="T162" s="139"/>
      <c r="U162" s="139"/>
      <c r="V162" s="139"/>
      <c r="W162" s="139"/>
      <c r="X162" s="139"/>
      <c r="Y162" s="139"/>
      <c r="Z162" s="139"/>
      <c r="AA162" s="139"/>
      <c r="AB162" s="139"/>
      <c r="AC162" s="139"/>
      <c r="AD162" s="139"/>
      <c r="AE162" s="139"/>
      <c r="AF162" s="139"/>
      <c r="AG162" s="139"/>
      <c r="AH162" s="139"/>
      <c r="AI162" s="139"/>
      <c r="AJ162" s="139"/>
      <c r="AK162" s="139"/>
      <c r="AL162" s="139"/>
      <c r="AM162" s="139"/>
      <c r="AN162" s="139"/>
      <c r="AO162" s="140"/>
    </row>
    <row r="163" spans="1:41" ht="9.75" customHeight="1">
      <c r="A163" s="138"/>
      <c r="B163" s="139"/>
      <c r="C163" s="139"/>
      <c r="D163" s="139"/>
      <c r="E163" s="139"/>
      <c r="F163" s="139"/>
      <c r="G163" s="139"/>
      <c r="H163" s="139"/>
      <c r="I163" s="139"/>
      <c r="J163" s="139"/>
      <c r="K163" s="139"/>
      <c r="L163" s="139"/>
      <c r="M163" s="139"/>
      <c r="N163" s="139"/>
      <c r="O163" s="139"/>
      <c r="P163" s="139"/>
      <c r="Q163" s="139"/>
      <c r="R163" s="139"/>
      <c r="S163" s="139"/>
      <c r="T163" s="139"/>
      <c r="U163" s="139"/>
      <c r="V163" s="139"/>
      <c r="W163" s="139"/>
      <c r="X163" s="139"/>
      <c r="Y163" s="139"/>
      <c r="Z163" s="139"/>
      <c r="AA163" s="139"/>
      <c r="AB163" s="139"/>
      <c r="AC163" s="139"/>
      <c r="AD163" s="139"/>
      <c r="AE163" s="139"/>
      <c r="AF163" s="139"/>
      <c r="AG163" s="139"/>
      <c r="AH163" s="139"/>
      <c r="AI163" s="139"/>
      <c r="AJ163" s="139"/>
      <c r="AK163" s="139"/>
      <c r="AL163" s="139"/>
      <c r="AM163" s="139"/>
      <c r="AN163" s="139"/>
      <c r="AO163" s="140"/>
    </row>
    <row r="164" spans="1:41" ht="9.75" customHeight="1">
      <c r="A164" s="138"/>
      <c r="B164" s="139"/>
      <c r="C164" s="139"/>
      <c r="D164" s="139"/>
      <c r="E164" s="139"/>
      <c r="F164" s="139"/>
      <c r="G164" s="139"/>
      <c r="H164" s="139"/>
      <c r="I164" s="139"/>
      <c r="J164" s="139"/>
      <c r="K164" s="139"/>
      <c r="L164" s="139"/>
      <c r="M164" s="139"/>
      <c r="N164" s="139"/>
      <c r="O164" s="139"/>
      <c r="P164" s="139"/>
      <c r="Q164" s="139"/>
      <c r="R164" s="139"/>
      <c r="S164" s="139"/>
      <c r="T164" s="139"/>
      <c r="U164" s="139"/>
      <c r="V164" s="139"/>
      <c r="W164" s="139"/>
      <c r="X164" s="139"/>
      <c r="Y164" s="139"/>
      <c r="Z164" s="139"/>
      <c r="AA164" s="139"/>
      <c r="AB164" s="139"/>
      <c r="AC164" s="139"/>
      <c r="AD164" s="139"/>
      <c r="AE164" s="139"/>
      <c r="AF164" s="139"/>
      <c r="AG164" s="139"/>
      <c r="AH164" s="139"/>
      <c r="AI164" s="139"/>
      <c r="AJ164" s="139"/>
      <c r="AK164" s="139"/>
      <c r="AL164" s="139"/>
      <c r="AM164" s="139"/>
      <c r="AN164" s="139"/>
      <c r="AO164" s="140"/>
    </row>
    <row r="165" spans="1:41" ht="9.75" customHeight="1">
      <c r="A165" s="138"/>
      <c r="B165" s="139"/>
      <c r="C165" s="139"/>
      <c r="D165" s="139"/>
      <c r="E165" s="139"/>
      <c r="F165" s="139"/>
      <c r="G165" s="139"/>
      <c r="H165" s="139"/>
      <c r="I165" s="139"/>
      <c r="J165" s="139"/>
      <c r="K165" s="139"/>
      <c r="L165" s="139"/>
      <c r="M165" s="139"/>
      <c r="N165" s="139"/>
      <c r="O165" s="139"/>
      <c r="P165" s="139"/>
      <c r="Q165" s="139"/>
      <c r="R165" s="139"/>
      <c r="S165" s="139"/>
      <c r="T165" s="139"/>
      <c r="U165" s="139"/>
      <c r="V165" s="139"/>
      <c r="W165" s="139"/>
      <c r="X165" s="139"/>
      <c r="Y165" s="139"/>
      <c r="Z165" s="139"/>
      <c r="AA165" s="139"/>
      <c r="AB165" s="139"/>
      <c r="AC165" s="139"/>
      <c r="AD165" s="139"/>
      <c r="AE165" s="139"/>
      <c r="AF165" s="139"/>
      <c r="AG165" s="139"/>
      <c r="AH165" s="139"/>
      <c r="AI165" s="139"/>
      <c r="AJ165" s="139"/>
      <c r="AK165" s="139"/>
      <c r="AL165" s="139"/>
      <c r="AM165" s="139"/>
      <c r="AN165" s="139"/>
      <c r="AO165" s="140"/>
    </row>
    <row r="166" spans="1:41" ht="9.75" customHeight="1">
      <c r="A166" s="138"/>
      <c r="B166" s="139"/>
      <c r="C166" s="139"/>
      <c r="D166" s="139"/>
      <c r="E166" s="139"/>
      <c r="F166" s="139"/>
      <c r="G166" s="139"/>
      <c r="H166" s="139"/>
      <c r="I166" s="139"/>
      <c r="J166" s="139"/>
      <c r="K166" s="139"/>
      <c r="L166" s="139"/>
      <c r="M166" s="139"/>
      <c r="N166" s="139"/>
      <c r="O166" s="139"/>
      <c r="P166" s="139"/>
      <c r="Q166" s="139"/>
      <c r="R166" s="139"/>
      <c r="S166" s="139"/>
      <c r="T166" s="139"/>
      <c r="U166" s="139"/>
      <c r="V166" s="139"/>
      <c r="W166" s="139"/>
      <c r="X166" s="139"/>
      <c r="Y166" s="139"/>
      <c r="Z166" s="139"/>
      <c r="AA166" s="139"/>
      <c r="AB166" s="139"/>
      <c r="AC166" s="139"/>
      <c r="AD166" s="139"/>
      <c r="AE166" s="139"/>
      <c r="AF166" s="139"/>
      <c r="AG166" s="139"/>
      <c r="AH166" s="139"/>
      <c r="AI166" s="139"/>
      <c r="AJ166" s="139"/>
      <c r="AK166" s="139"/>
      <c r="AL166" s="139"/>
      <c r="AM166" s="139"/>
      <c r="AN166" s="139"/>
      <c r="AO166" s="140"/>
    </row>
    <row r="167" spans="1:41" ht="9.75" customHeight="1">
      <c r="A167" s="138"/>
      <c r="B167" s="139"/>
      <c r="C167" s="139"/>
      <c r="D167" s="139"/>
      <c r="E167" s="139"/>
      <c r="F167" s="139"/>
      <c r="G167" s="139"/>
      <c r="H167" s="139"/>
      <c r="I167" s="139"/>
      <c r="J167" s="139"/>
      <c r="K167" s="139"/>
      <c r="L167" s="139"/>
      <c r="M167" s="139"/>
      <c r="N167" s="139"/>
      <c r="O167" s="139"/>
      <c r="P167" s="139"/>
      <c r="Q167" s="139"/>
      <c r="R167" s="139"/>
      <c r="S167" s="139"/>
      <c r="T167" s="139"/>
      <c r="U167" s="139"/>
      <c r="V167" s="139"/>
      <c r="W167" s="139"/>
      <c r="X167" s="139"/>
      <c r="Y167" s="139"/>
      <c r="Z167" s="139"/>
      <c r="AA167" s="139"/>
      <c r="AB167" s="139"/>
      <c r="AC167" s="139"/>
      <c r="AD167" s="139"/>
      <c r="AE167" s="139"/>
      <c r="AF167" s="139"/>
      <c r="AG167" s="139"/>
      <c r="AH167" s="139"/>
      <c r="AI167" s="139"/>
      <c r="AJ167" s="139"/>
      <c r="AK167" s="139"/>
      <c r="AL167" s="139"/>
      <c r="AM167" s="139"/>
      <c r="AN167" s="139"/>
      <c r="AO167" s="140"/>
    </row>
    <row r="168" spans="1:41" ht="9.75" customHeight="1">
      <c r="A168" s="138"/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139"/>
      <c r="M168" s="139"/>
      <c r="N168" s="139"/>
      <c r="O168" s="139"/>
      <c r="P168" s="139"/>
      <c r="Q168" s="139"/>
      <c r="R168" s="139"/>
      <c r="S168" s="139"/>
      <c r="T168" s="139"/>
      <c r="U168" s="139"/>
      <c r="V168" s="139"/>
      <c r="W168" s="139"/>
      <c r="X168" s="139"/>
      <c r="Y168" s="139"/>
      <c r="Z168" s="139"/>
      <c r="AA168" s="139"/>
      <c r="AB168" s="139"/>
      <c r="AC168" s="139"/>
      <c r="AD168" s="139"/>
      <c r="AE168" s="139"/>
      <c r="AF168" s="139"/>
      <c r="AG168" s="139"/>
      <c r="AH168" s="139"/>
      <c r="AI168" s="139"/>
      <c r="AJ168" s="139"/>
      <c r="AK168" s="139"/>
      <c r="AL168" s="139"/>
      <c r="AM168" s="139"/>
      <c r="AN168" s="139"/>
      <c r="AO168" s="140"/>
    </row>
    <row r="169" spans="1:41" ht="9.75" customHeight="1">
      <c r="A169" s="138"/>
      <c r="B169" s="139"/>
      <c r="C169" s="139"/>
      <c r="D169" s="139"/>
      <c r="E169" s="139"/>
      <c r="F169" s="139"/>
      <c r="G169" s="139"/>
      <c r="H169" s="139"/>
      <c r="I169" s="139"/>
      <c r="J169" s="139"/>
      <c r="K169" s="139"/>
      <c r="L169" s="139"/>
      <c r="M169" s="139"/>
      <c r="N169" s="139"/>
      <c r="O169" s="139"/>
      <c r="P169" s="139"/>
      <c r="Q169" s="139"/>
      <c r="R169" s="139"/>
      <c r="S169" s="139"/>
      <c r="T169" s="139"/>
      <c r="U169" s="139"/>
      <c r="V169" s="139"/>
      <c r="W169" s="139"/>
      <c r="X169" s="139"/>
      <c r="Y169" s="139"/>
      <c r="Z169" s="139"/>
      <c r="AA169" s="139"/>
      <c r="AB169" s="139"/>
      <c r="AC169" s="139"/>
      <c r="AD169" s="139"/>
      <c r="AE169" s="139"/>
      <c r="AF169" s="139"/>
      <c r="AG169" s="139"/>
      <c r="AH169" s="139"/>
      <c r="AI169" s="139"/>
      <c r="AJ169" s="139"/>
      <c r="AK169" s="139"/>
      <c r="AL169" s="139"/>
      <c r="AM169" s="139"/>
      <c r="AN169" s="139"/>
      <c r="AO169" s="140"/>
    </row>
    <row r="170" spans="1:41" ht="9.75" customHeight="1">
      <c r="A170" s="141"/>
      <c r="B170" s="142"/>
      <c r="C170" s="142"/>
      <c r="D170" s="142"/>
      <c r="E170" s="142"/>
      <c r="F170" s="142"/>
      <c r="G170" s="142"/>
      <c r="H170" s="142"/>
      <c r="I170" s="142"/>
      <c r="J170" s="142"/>
      <c r="K170" s="142"/>
      <c r="L170" s="142"/>
      <c r="M170" s="142"/>
      <c r="N170" s="142"/>
      <c r="O170" s="142"/>
      <c r="P170" s="142"/>
      <c r="Q170" s="142"/>
      <c r="R170" s="142"/>
      <c r="S170" s="142"/>
      <c r="T170" s="142"/>
      <c r="U170" s="142"/>
      <c r="V170" s="142"/>
      <c r="W170" s="142"/>
      <c r="X170" s="142"/>
      <c r="Y170" s="142"/>
      <c r="Z170" s="142"/>
      <c r="AA170" s="142"/>
      <c r="AB170" s="142"/>
      <c r="AC170" s="142"/>
      <c r="AD170" s="142"/>
      <c r="AE170" s="142"/>
      <c r="AF170" s="142"/>
      <c r="AG170" s="142"/>
      <c r="AH170" s="142"/>
      <c r="AI170" s="142"/>
      <c r="AJ170" s="142"/>
      <c r="AK170" s="142"/>
      <c r="AL170" s="142"/>
      <c r="AM170" s="142"/>
      <c r="AN170" s="142"/>
      <c r="AO170" s="143"/>
    </row>
  </sheetData>
  <mergeCells count="98">
    <mergeCell ref="Q76:Q78"/>
    <mergeCell ref="P76:P78"/>
    <mergeCell ref="Q96:Q98"/>
    <mergeCell ref="P96:P98"/>
    <mergeCell ref="Q102:Q104"/>
    <mergeCell ref="P102:P104"/>
    <mergeCell ref="G91:S91"/>
    <mergeCell ref="Q58:Q60"/>
    <mergeCell ref="P58:P60"/>
    <mergeCell ref="Q61:Q63"/>
    <mergeCell ref="P61:P63"/>
    <mergeCell ref="Q67:Q69"/>
    <mergeCell ref="P67:P69"/>
    <mergeCell ref="Q49:Q51"/>
    <mergeCell ref="P49:P51"/>
    <mergeCell ref="Q52:Q54"/>
    <mergeCell ref="P52:P54"/>
    <mergeCell ref="Q55:Q57"/>
    <mergeCell ref="P55:P57"/>
    <mergeCell ref="Q34:Q36"/>
    <mergeCell ref="P34:P36"/>
    <mergeCell ref="Q43:Q45"/>
    <mergeCell ref="P43:P45"/>
    <mergeCell ref="Q46:Q48"/>
    <mergeCell ref="P46:P48"/>
    <mergeCell ref="F82:F84"/>
    <mergeCell ref="E82:E84"/>
    <mergeCell ref="F99:F101"/>
    <mergeCell ref="E99:E101"/>
    <mergeCell ref="Q10:Q12"/>
    <mergeCell ref="P10:P12"/>
    <mergeCell ref="Q19:Q21"/>
    <mergeCell ref="P19:P21"/>
    <mergeCell ref="Q25:Q27"/>
    <mergeCell ref="P25:P27"/>
    <mergeCell ref="F40:F42"/>
    <mergeCell ref="E40:E42"/>
    <mergeCell ref="F64:F66"/>
    <mergeCell ref="E64:E66"/>
    <mergeCell ref="F73:F75"/>
    <mergeCell ref="E73:E75"/>
    <mergeCell ref="F16:F18"/>
    <mergeCell ref="E16:E18"/>
    <mergeCell ref="F22:F24"/>
    <mergeCell ref="E22:E24"/>
    <mergeCell ref="F31:F33"/>
    <mergeCell ref="E31:E33"/>
    <mergeCell ref="D37:D39"/>
    <mergeCell ref="C37:C39"/>
    <mergeCell ref="D70:D72"/>
    <mergeCell ref="C70:C72"/>
    <mergeCell ref="D79:D81"/>
    <mergeCell ref="C79:C81"/>
    <mergeCell ref="B10:B12"/>
    <mergeCell ref="A10:A12"/>
    <mergeCell ref="D13:D15"/>
    <mergeCell ref="C13:C15"/>
    <mergeCell ref="D28:D30"/>
    <mergeCell ref="C28:C30"/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Z91:AO94"/>
    <mergeCell ref="G92:H94"/>
    <mergeCell ref="I92:J94"/>
    <mergeCell ref="K92:K94"/>
    <mergeCell ref="L92:M94"/>
    <mergeCell ref="N92:N94"/>
    <mergeCell ref="P92:S92"/>
    <mergeCell ref="A106:F106"/>
    <mergeCell ref="G106:H106"/>
    <mergeCell ref="T91:T94"/>
    <mergeCell ref="U91:X91"/>
    <mergeCell ref="Y91:Y94"/>
    <mergeCell ref="A91:B94"/>
    <mergeCell ref="C91:D94"/>
    <mergeCell ref="E91:F94"/>
    <mergeCell ref="U92:V94"/>
    <mergeCell ref="W92:W94"/>
    <mergeCell ref="X92:X94"/>
    <mergeCell ref="P93:Q94"/>
    <mergeCell ref="R93:S94"/>
  </mergeCells>
  <phoneticPr fontId="1"/>
  <pageMargins left="0.39370078740157483" right="0.39370078740157483" top="0.39370078740157483" bottom="0.39370078740157483" header="0.19685039370078741" footer="0.19685039370078741"/>
  <pageSetup paperSize="9" firstPageNumber="286" pageOrder="overThenDown" orientation="portrait" useFirstPageNumber="1" r:id="rId1"/>
  <headerFooter>
    <oddFooter>&amp;C- &amp;P -</oddFooter>
  </headerFooter>
  <rowBreaks count="1" manualBreakCount="1">
    <brk id="86" max="16383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/>
  <dimension ref="A2:AR85"/>
  <sheetViews>
    <sheetView zoomScale="110" zoomScaleNormal="110"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635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124"/>
      <c r="N2" s="232" t="s">
        <v>333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322" t="s">
        <v>6</v>
      </c>
      <c r="S5" s="233" t="s">
        <v>7</v>
      </c>
      <c r="T5" s="245"/>
      <c r="U5" s="325" t="s">
        <v>48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23"/>
      <c r="N6" s="261" t="s">
        <v>15</v>
      </c>
      <c r="O6" s="261"/>
      <c r="P6" s="261"/>
      <c r="Q6" s="262"/>
      <c r="R6" s="323"/>
      <c r="S6" s="235"/>
      <c r="T6" s="246"/>
      <c r="U6" s="32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59"/>
      <c r="M7" s="121"/>
      <c r="N7" s="263" t="s">
        <v>16</v>
      </c>
      <c r="O7" s="254"/>
      <c r="P7" s="264" t="s">
        <v>17</v>
      </c>
      <c r="Q7" s="265"/>
      <c r="R7" s="323"/>
      <c r="S7" s="235"/>
      <c r="T7" s="246"/>
      <c r="U7" s="32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77"/>
      <c r="L8" s="259"/>
      <c r="M8" s="121"/>
      <c r="N8" s="250"/>
      <c r="O8" s="236"/>
      <c r="P8" s="266"/>
      <c r="Q8" s="267"/>
      <c r="R8" s="323"/>
      <c r="S8" s="235"/>
      <c r="T8" s="246"/>
      <c r="U8" s="32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78"/>
      <c r="L9" s="260"/>
      <c r="M9" s="122"/>
      <c r="N9" s="252"/>
      <c r="O9" s="238"/>
      <c r="P9" s="268"/>
      <c r="Q9" s="269"/>
      <c r="R9" s="324"/>
      <c r="S9" s="237"/>
      <c r="T9" s="247"/>
      <c r="U9" s="327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97</v>
      </c>
      <c r="C11" s="128"/>
      <c r="D11" s="130"/>
      <c r="E11" s="128"/>
      <c r="F11" s="130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42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 t="s">
        <v>447</v>
      </c>
    </row>
    <row r="12" spans="1:44" s="59" customFormat="1" ht="9.75" customHeight="1">
      <c r="A12" s="271"/>
      <c r="B12" s="270"/>
      <c r="C12" s="128"/>
      <c r="D12" s="130"/>
      <c r="E12" s="128"/>
      <c r="F12" s="130"/>
      <c r="G12" s="52"/>
      <c r="H12" s="53" t="s">
        <v>448</v>
      </c>
      <c r="I12" s="52" t="s">
        <v>23</v>
      </c>
      <c r="J12" s="53" t="s">
        <v>449</v>
      </c>
      <c r="K12" s="54" t="s">
        <v>450</v>
      </c>
      <c r="L12" s="54" t="s">
        <v>451</v>
      </c>
      <c r="M12" s="55"/>
      <c r="N12" s="55"/>
      <c r="O12" s="56"/>
      <c r="P12" s="52"/>
      <c r="Q12" s="53"/>
      <c r="R12" s="52" t="s">
        <v>452</v>
      </c>
      <c r="S12" s="57"/>
      <c r="T12" s="58" t="s">
        <v>452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1"/>
      <c r="B13" s="270"/>
      <c r="C13" s="128"/>
      <c r="D13" s="130"/>
      <c r="E13" s="128"/>
      <c r="F13" s="130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126"/>
      <c r="B14" s="56"/>
      <c r="C14" s="218" t="s">
        <v>21</v>
      </c>
      <c r="D14" s="230" t="s">
        <v>566</v>
      </c>
      <c r="E14" s="129"/>
      <c r="F14" s="127"/>
      <c r="G14" s="129"/>
      <c r="H14" s="69"/>
      <c r="I14" s="129"/>
      <c r="J14" s="69"/>
      <c r="K14" s="70"/>
      <c r="L14" s="70"/>
      <c r="M14" s="132"/>
      <c r="N14" s="132"/>
      <c r="O14" s="127"/>
      <c r="P14" s="129"/>
      <c r="Q14" s="69"/>
      <c r="R14" s="129"/>
      <c r="S14" s="72"/>
      <c r="T14" s="73"/>
      <c r="U14" s="69"/>
      <c r="V14" s="129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317"/>
      <c r="D15" s="311"/>
      <c r="E15" s="128"/>
      <c r="F15" s="130"/>
      <c r="G15" s="128"/>
      <c r="H15" s="44" t="s">
        <v>453</v>
      </c>
      <c r="I15" s="128" t="s">
        <v>23</v>
      </c>
      <c r="J15" s="44" t="s">
        <v>454</v>
      </c>
      <c r="K15" s="45" t="s">
        <v>22</v>
      </c>
      <c r="L15" s="45" t="s">
        <v>455</v>
      </c>
      <c r="M15" s="131"/>
      <c r="N15" s="131"/>
      <c r="O15" s="130"/>
      <c r="P15" s="128"/>
      <c r="Q15" s="44"/>
      <c r="R15" s="128" t="s">
        <v>455</v>
      </c>
      <c r="S15" s="46"/>
      <c r="T15" s="47" t="s">
        <v>455</v>
      </c>
      <c r="U15" s="44" t="s">
        <v>22</v>
      </c>
      <c r="V15" s="128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317"/>
      <c r="D16" s="311"/>
      <c r="E16" s="128"/>
      <c r="F16" s="130"/>
      <c r="G16" s="128"/>
      <c r="H16" s="44"/>
      <c r="I16" s="128"/>
      <c r="J16" s="44"/>
      <c r="K16" s="45"/>
      <c r="L16" s="45"/>
      <c r="M16" s="131"/>
      <c r="N16" s="131"/>
      <c r="O16" s="130"/>
      <c r="P16" s="128"/>
      <c r="Q16" s="44"/>
      <c r="R16" s="128"/>
      <c r="S16" s="46"/>
      <c r="T16" s="47"/>
      <c r="U16" s="44"/>
      <c r="V16" s="128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128"/>
      <c r="D17" s="41"/>
      <c r="E17" s="218" t="s">
        <v>21</v>
      </c>
      <c r="F17" s="221" t="s">
        <v>43</v>
      </c>
      <c r="G17" s="129"/>
      <c r="H17" s="69"/>
      <c r="I17" s="129"/>
      <c r="J17" s="69"/>
      <c r="K17" s="70"/>
      <c r="L17" s="70"/>
      <c r="M17" s="132"/>
      <c r="N17" s="132"/>
      <c r="O17" s="127"/>
      <c r="P17" s="129"/>
      <c r="Q17" s="69"/>
      <c r="R17" s="129"/>
      <c r="S17" s="72"/>
      <c r="T17" s="73"/>
      <c r="U17" s="69"/>
      <c r="V17" s="129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128"/>
      <c r="D18" s="41"/>
      <c r="E18" s="317"/>
      <c r="F18" s="287"/>
      <c r="G18" s="128"/>
      <c r="H18" s="44" t="s">
        <v>453</v>
      </c>
      <c r="I18" s="128" t="s">
        <v>23</v>
      </c>
      <c r="J18" s="44" t="s">
        <v>454</v>
      </c>
      <c r="K18" s="45" t="s">
        <v>22</v>
      </c>
      <c r="L18" s="45" t="s">
        <v>455</v>
      </c>
      <c r="M18" s="131"/>
      <c r="N18" s="131"/>
      <c r="O18" s="130"/>
      <c r="P18" s="128"/>
      <c r="Q18" s="44"/>
      <c r="R18" s="128" t="s">
        <v>455</v>
      </c>
      <c r="S18" s="46"/>
      <c r="T18" s="47" t="s">
        <v>455</v>
      </c>
      <c r="U18" s="44" t="s">
        <v>22</v>
      </c>
      <c r="V18" s="128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128"/>
      <c r="D19" s="41"/>
      <c r="E19" s="317"/>
      <c r="F19" s="287"/>
      <c r="G19" s="128"/>
      <c r="H19" s="44"/>
      <c r="I19" s="128"/>
      <c r="J19" s="44"/>
      <c r="K19" s="45"/>
      <c r="L19" s="45"/>
      <c r="M19" s="131"/>
      <c r="N19" s="131"/>
      <c r="O19" s="130"/>
      <c r="P19" s="128"/>
      <c r="Q19" s="44"/>
      <c r="R19" s="128"/>
      <c r="S19" s="46"/>
      <c r="T19" s="47"/>
      <c r="U19" s="44"/>
      <c r="V19" s="128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128"/>
      <c r="D20" s="41"/>
      <c r="E20" s="128"/>
      <c r="F20" s="41"/>
      <c r="G20" s="128"/>
      <c r="H20" s="44"/>
      <c r="I20" s="128"/>
      <c r="J20" s="44"/>
      <c r="K20" s="45"/>
      <c r="L20" s="45"/>
      <c r="M20" s="131"/>
      <c r="N20" s="227" t="s">
        <v>21</v>
      </c>
      <c r="O20" s="230" t="s">
        <v>598</v>
      </c>
      <c r="P20" s="129"/>
      <c r="Q20" s="69"/>
      <c r="R20" s="129"/>
      <c r="S20" s="72"/>
      <c r="T20" s="73"/>
      <c r="U20" s="69"/>
      <c r="V20" s="129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128"/>
      <c r="D21" s="41"/>
      <c r="E21" s="128"/>
      <c r="F21" s="41"/>
      <c r="G21" s="128"/>
      <c r="H21" s="44"/>
      <c r="I21" s="128"/>
      <c r="J21" s="44"/>
      <c r="K21" s="45"/>
      <c r="L21" s="45"/>
      <c r="M21" s="131"/>
      <c r="N21" s="312"/>
      <c r="O21" s="311"/>
      <c r="P21" s="128"/>
      <c r="Q21" s="44" t="s">
        <v>456</v>
      </c>
      <c r="R21" s="128" t="s">
        <v>456</v>
      </c>
      <c r="S21" s="46"/>
      <c r="T21" s="47" t="s">
        <v>456</v>
      </c>
      <c r="U21" s="44" t="s">
        <v>22</v>
      </c>
      <c r="V21" s="128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128"/>
      <c r="D22" s="41"/>
      <c r="E22" s="128"/>
      <c r="F22" s="41"/>
      <c r="G22" s="128"/>
      <c r="H22" s="44"/>
      <c r="I22" s="128"/>
      <c r="J22" s="44"/>
      <c r="K22" s="45"/>
      <c r="L22" s="45"/>
      <c r="M22" s="131"/>
      <c r="N22" s="319"/>
      <c r="O22" s="320"/>
      <c r="P22" s="128"/>
      <c r="Q22" s="44"/>
      <c r="R22" s="128"/>
      <c r="S22" s="46"/>
      <c r="T22" s="47"/>
      <c r="U22" s="44"/>
      <c r="V22" s="128"/>
      <c r="W22" s="44"/>
      <c r="X22" s="33"/>
      <c r="Y22" s="33"/>
      <c r="Z22" s="33"/>
      <c r="AA22" s="33"/>
      <c r="AB22" s="34"/>
      <c r="AC22" s="34"/>
      <c r="AD22" s="34"/>
      <c r="AE22" s="34"/>
      <c r="AF22" s="34"/>
      <c r="AG22" s="34"/>
      <c r="AH22" s="34"/>
      <c r="AI22" s="34"/>
      <c r="AJ22" s="34"/>
      <c r="AK22" s="35"/>
      <c r="AL22" s="35"/>
      <c r="AM22" s="36"/>
    </row>
    <row r="23" spans="1:39" s="59" customFormat="1" ht="9.75" customHeight="1">
      <c r="A23" s="40"/>
      <c r="B23" s="41"/>
      <c r="C23" s="128"/>
      <c r="D23" s="41"/>
      <c r="E23" s="128"/>
      <c r="F23" s="41"/>
      <c r="G23" s="128"/>
      <c r="H23" s="44"/>
      <c r="I23" s="128"/>
      <c r="J23" s="44"/>
      <c r="K23" s="45"/>
      <c r="L23" s="45"/>
      <c r="M23" s="131"/>
      <c r="N23" s="227" t="s">
        <v>25</v>
      </c>
      <c r="O23" s="230" t="s">
        <v>599</v>
      </c>
      <c r="P23" s="129"/>
      <c r="Q23" s="69"/>
      <c r="R23" s="129"/>
      <c r="S23" s="72"/>
      <c r="T23" s="73"/>
      <c r="U23" s="69"/>
      <c r="V23" s="129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40"/>
      <c r="B24" s="41"/>
      <c r="C24" s="128"/>
      <c r="D24" s="41"/>
      <c r="E24" s="128"/>
      <c r="F24" s="41"/>
      <c r="G24" s="128"/>
      <c r="H24" s="44"/>
      <c r="I24" s="128"/>
      <c r="J24" s="44"/>
      <c r="K24" s="45"/>
      <c r="L24" s="45"/>
      <c r="M24" s="131"/>
      <c r="N24" s="312"/>
      <c r="O24" s="311"/>
      <c r="P24" s="128"/>
      <c r="Q24" s="44" t="s">
        <v>457</v>
      </c>
      <c r="R24" s="128" t="s">
        <v>457</v>
      </c>
      <c r="S24" s="46"/>
      <c r="T24" s="47" t="s">
        <v>457</v>
      </c>
      <c r="U24" s="44" t="s">
        <v>22</v>
      </c>
      <c r="V24" s="128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40"/>
      <c r="B25" s="41"/>
      <c r="C25" s="91"/>
      <c r="D25" s="90"/>
      <c r="E25" s="91"/>
      <c r="F25" s="90"/>
      <c r="G25" s="91"/>
      <c r="H25" s="92"/>
      <c r="I25" s="91"/>
      <c r="J25" s="92"/>
      <c r="K25" s="48"/>
      <c r="L25" s="48"/>
      <c r="M25" s="49"/>
      <c r="N25" s="319"/>
      <c r="O25" s="320"/>
      <c r="P25" s="91"/>
      <c r="Q25" s="92"/>
      <c r="R25" s="91"/>
      <c r="S25" s="93"/>
      <c r="T25" s="94"/>
      <c r="U25" s="92"/>
      <c r="V25" s="91"/>
      <c r="W25" s="92"/>
      <c r="X25" s="95"/>
      <c r="Y25" s="95"/>
      <c r="Z25" s="95"/>
      <c r="AA25" s="95"/>
      <c r="AB25" s="96"/>
      <c r="AC25" s="96"/>
      <c r="AD25" s="96"/>
      <c r="AE25" s="96"/>
      <c r="AF25" s="96"/>
      <c r="AG25" s="96"/>
      <c r="AH25" s="96"/>
      <c r="AI25" s="96"/>
      <c r="AJ25" s="96"/>
      <c r="AK25" s="97"/>
      <c r="AL25" s="97"/>
      <c r="AM25" s="98"/>
    </row>
    <row r="26" spans="1:39" s="59" customFormat="1" ht="9.75" customHeight="1">
      <c r="A26" s="126"/>
      <c r="B26" s="125"/>
      <c r="C26" s="218" t="s">
        <v>25</v>
      </c>
      <c r="D26" s="221" t="s">
        <v>49</v>
      </c>
      <c r="E26" s="129"/>
      <c r="F26" s="127"/>
      <c r="G26" s="129"/>
      <c r="H26" s="69"/>
      <c r="I26" s="129"/>
      <c r="J26" s="69"/>
      <c r="K26" s="70"/>
      <c r="L26" s="70"/>
      <c r="M26" s="132"/>
      <c r="N26" s="132"/>
      <c r="O26" s="68"/>
      <c r="P26" s="129"/>
      <c r="Q26" s="69"/>
      <c r="R26" s="129"/>
      <c r="S26" s="72"/>
      <c r="T26" s="73"/>
      <c r="U26" s="69"/>
      <c r="V26" s="129"/>
      <c r="W26" s="69"/>
      <c r="X26" s="74" t="s">
        <v>42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 t="s">
        <v>458</v>
      </c>
    </row>
    <row r="27" spans="1:39" s="59" customFormat="1" ht="9.75" customHeight="1">
      <c r="A27" s="126"/>
      <c r="B27" s="125"/>
      <c r="C27" s="317"/>
      <c r="D27" s="287"/>
      <c r="E27" s="128"/>
      <c r="F27" s="130"/>
      <c r="G27" s="128"/>
      <c r="H27" s="44" t="s">
        <v>459</v>
      </c>
      <c r="I27" s="128" t="s">
        <v>23</v>
      </c>
      <c r="J27" s="44" t="s">
        <v>460</v>
      </c>
      <c r="K27" s="45" t="s">
        <v>461</v>
      </c>
      <c r="L27" s="45" t="s">
        <v>462</v>
      </c>
      <c r="M27" s="131"/>
      <c r="N27" s="131"/>
      <c r="O27" s="41"/>
      <c r="P27" s="128"/>
      <c r="Q27" s="44"/>
      <c r="R27" s="128" t="s">
        <v>463</v>
      </c>
      <c r="S27" s="46"/>
      <c r="T27" s="47" t="s">
        <v>463</v>
      </c>
      <c r="U27" s="44" t="s">
        <v>22</v>
      </c>
      <c r="V27" s="128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126"/>
      <c r="B28" s="125"/>
      <c r="C28" s="317"/>
      <c r="D28" s="287"/>
      <c r="E28" s="128"/>
      <c r="F28" s="130"/>
      <c r="G28" s="128"/>
      <c r="H28" s="44"/>
      <c r="I28" s="128"/>
      <c r="J28" s="44"/>
      <c r="K28" s="45"/>
      <c r="L28" s="45"/>
      <c r="M28" s="131"/>
      <c r="N28" s="131"/>
      <c r="O28" s="41"/>
      <c r="P28" s="128"/>
      <c r="Q28" s="44"/>
      <c r="R28" s="128"/>
      <c r="S28" s="46"/>
      <c r="T28" s="47"/>
      <c r="U28" s="44"/>
      <c r="V28" s="128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126"/>
      <c r="B29" s="56"/>
      <c r="C29" s="128"/>
      <c r="D29" s="130"/>
      <c r="E29" s="218" t="s">
        <v>21</v>
      </c>
      <c r="F29" s="221" t="s">
        <v>51</v>
      </c>
      <c r="G29" s="129"/>
      <c r="H29" s="69"/>
      <c r="I29" s="129"/>
      <c r="J29" s="69"/>
      <c r="K29" s="70"/>
      <c r="L29" s="70"/>
      <c r="M29" s="132"/>
      <c r="N29" s="132"/>
      <c r="O29" s="127"/>
      <c r="P29" s="129"/>
      <c r="Q29" s="69"/>
      <c r="R29" s="129"/>
      <c r="S29" s="72"/>
      <c r="T29" s="73"/>
      <c r="U29" s="69"/>
      <c r="V29" s="129"/>
      <c r="W29" s="69"/>
      <c r="X29" s="74" t="s">
        <v>42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 t="s">
        <v>458</v>
      </c>
    </row>
    <row r="30" spans="1:39" s="59" customFormat="1" ht="9.75" customHeight="1">
      <c r="A30" s="40"/>
      <c r="B30" s="41"/>
      <c r="C30" s="128"/>
      <c r="D30" s="130"/>
      <c r="E30" s="317"/>
      <c r="F30" s="287"/>
      <c r="G30" s="128"/>
      <c r="H30" s="44" t="s">
        <v>459</v>
      </c>
      <c r="I30" s="128" t="s">
        <v>23</v>
      </c>
      <c r="J30" s="44" t="s">
        <v>460</v>
      </c>
      <c r="K30" s="45" t="s">
        <v>461</v>
      </c>
      <c r="L30" s="45" t="s">
        <v>462</v>
      </c>
      <c r="M30" s="131"/>
      <c r="N30" s="131"/>
      <c r="O30" s="130"/>
      <c r="P30" s="128"/>
      <c r="Q30" s="44"/>
      <c r="R30" s="128" t="s">
        <v>463</v>
      </c>
      <c r="S30" s="46"/>
      <c r="T30" s="47" t="s">
        <v>463</v>
      </c>
      <c r="U30" s="44" t="s">
        <v>22</v>
      </c>
      <c r="V30" s="128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40"/>
      <c r="B31" s="41"/>
      <c r="C31" s="128"/>
      <c r="D31" s="130"/>
      <c r="E31" s="317"/>
      <c r="F31" s="287"/>
      <c r="G31" s="128"/>
      <c r="H31" s="44"/>
      <c r="I31" s="128"/>
      <c r="J31" s="44"/>
      <c r="K31" s="45"/>
      <c r="L31" s="45"/>
      <c r="M31" s="131"/>
      <c r="N31" s="131"/>
      <c r="O31" s="130"/>
      <c r="P31" s="128"/>
      <c r="Q31" s="44"/>
      <c r="R31" s="128"/>
      <c r="S31" s="46"/>
      <c r="T31" s="47"/>
      <c r="U31" s="44"/>
      <c r="V31" s="128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40"/>
      <c r="B32" s="41"/>
      <c r="C32" s="128"/>
      <c r="D32" s="41"/>
      <c r="E32" s="128"/>
      <c r="F32" s="130"/>
      <c r="G32" s="128"/>
      <c r="H32" s="44"/>
      <c r="I32" s="128"/>
      <c r="J32" s="44"/>
      <c r="K32" s="45"/>
      <c r="L32" s="45"/>
      <c r="M32" s="131"/>
      <c r="N32" s="227" t="s">
        <v>21</v>
      </c>
      <c r="O32" s="230" t="s">
        <v>600</v>
      </c>
      <c r="P32" s="129"/>
      <c r="Q32" s="69"/>
      <c r="R32" s="129"/>
      <c r="S32" s="72"/>
      <c r="T32" s="73"/>
      <c r="U32" s="69"/>
      <c r="V32" s="129"/>
      <c r="W32" s="69"/>
      <c r="X32" s="74" t="s">
        <v>42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 t="s">
        <v>458</v>
      </c>
    </row>
    <row r="33" spans="1:39" s="59" customFormat="1" ht="9.75" customHeight="1">
      <c r="A33" s="40"/>
      <c r="B33" s="41"/>
      <c r="C33" s="128"/>
      <c r="D33" s="41"/>
      <c r="E33" s="128"/>
      <c r="F33" s="130"/>
      <c r="G33" s="128"/>
      <c r="H33" s="44"/>
      <c r="I33" s="128"/>
      <c r="J33" s="44"/>
      <c r="K33" s="45"/>
      <c r="L33" s="45"/>
      <c r="M33" s="131"/>
      <c r="N33" s="312"/>
      <c r="O33" s="311"/>
      <c r="P33" s="128"/>
      <c r="Q33" s="44" t="s">
        <v>462</v>
      </c>
      <c r="R33" s="128" t="s">
        <v>463</v>
      </c>
      <c r="S33" s="46"/>
      <c r="T33" s="47" t="s">
        <v>463</v>
      </c>
      <c r="U33" s="44" t="s">
        <v>22</v>
      </c>
      <c r="V33" s="128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90"/>
      <c r="E34" s="91"/>
      <c r="F34" s="102"/>
      <c r="G34" s="91"/>
      <c r="H34" s="92"/>
      <c r="I34" s="91"/>
      <c r="J34" s="92"/>
      <c r="K34" s="48"/>
      <c r="L34" s="48"/>
      <c r="M34" s="49"/>
      <c r="N34" s="319"/>
      <c r="O34" s="320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126"/>
      <c r="B35" s="125"/>
      <c r="C35" s="218" t="s">
        <v>26</v>
      </c>
      <c r="D35" s="221" t="s">
        <v>52</v>
      </c>
      <c r="E35" s="129"/>
      <c r="F35" s="127"/>
      <c r="G35" s="129"/>
      <c r="H35" s="69"/>
      <c r="I35" s="129"/>
      <c r="J35" s="69"/>
      <c r="K35" s="70"/>
      <c r="L35" s="70"/>
      <c r="M35" s="132"/>
      <c r="N35" s="132"/>
      <c r="O35" s="68"/>
      <c r="P35" s="129"/>
      <c r="Q35" s="69"/>
      <c r="R35" s="129"/>
      <c r="S35" s="72"/>
      <c r="T35" s="73"/>
      <c r="U35" s="69"/>
      <c r="V35" s="129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126"/>
      <c r="B36" s="125"/>
      <c r="C36" s="317"/>
      <c r="D36" s="287"/>
      <c r="E36" s="128"/>
      <c r="F36" s="130"/>
      <c r="G36" s="128"/>
      <c r="H36" s="44" t="s">
        <v>464</v>
      </c>
      <c r="I36" s="128"/>
      <c r="J36" s="44" t="s">
        <v>22</v>
      </c>
      <c r="K36" s="45" t="s">
        <v>22</v>
      </c>
      <c r="L36" s="45" t="s">
        <v>464</v>
      </c>
      <c r="M36" s="131"/>
      <c r="N36" s="131"/>
      <c r="O36" s="41"/>
      <c r="P36" s="128"/>
      <c r="Q36" s="44"/>
      <c r="R36" s="128" t="s">
        <v>465</v>
      </c>
      <c r="S36" s="46"/>
      <c r="T36" s="47" t="s">
        <v>465</v>
      </c>
      <c r="U36" s="44" t="s">
        <v>22</v>
      </c>
      <c r="V36" s="128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126"/>
      <c r="B37" s="125"/>
      <c r="C37" s="317"/>
      <c r="D37" s="287"/>
      <c r="E37" s="128"/>
      <c r="F37" s="130"/>
      <c r="G37" s="128"/>
      <c r="H37" s="44"/>
      <c r="I37" s="128"/>
      <c r="J37" s="44"/>
      <c r="K37" s="45"/>
      <c r="L37" s="45"/>
      <c r="M37" s="131"/>
      <c r="N37" s="131"/>
      <c r="O37" s="41"/>
      <c r="P37" s="128"/>
      <c r="Q37" s="44"/>
      <c r="R37" s="128"/>
      <c r="S37" s="46"/>
      <c r="T37" s="47"/>
      <c r="U37" s="44"/>
      <c r="V37" s="128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126"/>
      <c r="B38" s="56"/>
      <c r="C38" s="128"/>
      <c r="D38" s="130"/>
      <c r="E38" s="218" t="s">
        <v>21</v>
      </c>
      <c r="F38" s="221" t="s">
        <v>53</v>
      </c>
      <c r="G38" s="129"/>
      <c r="H38" s="69"/>
      <c r="I38" s="129"/>
      <c r="J38" s="69"/>
      <c r="K38" s="70"/>
      <c r="L38" s="70"/>
      <c r="M38" s="132"/>
      <c r="N38" s="132"/>
      <c r="O38" s="127"/>
      <c r="P38" s="129"/>
      <c r="Q38" s="69"/>
      <c r="R38" s="129"/>
      <c r="S38" s="72"/>
      <c r="T38" s="73"/>
      <c r="U38" s="69"/>
      <c r="V38" s="129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128"/>
      <c r="D39" s="130"/>
      <c r="E39" s="317"/>
      <c r="F39" s="287"/>
      <c r="G39" s="128"/>
      <c r="H39" s="44" t="s">
        <v>464</v>
      </c>
      <c r="I39" s="128"/>
      <c r="J39" s="44" t="s">
        <v>22</v>
      </c>
      <c r="K39" s="45" t="s">
        <v>22</v>
      </c>
      <c r="L39" s="45" t="s">
        <v>464</v>
      </c>
      <c r="M39" s="131"/>
      <c r="N39" s="131"/>
      <c r="O39" s="130"/>
      <c r="P39" s="128"/>
      <c r="Q39" s="44"/>
      <c r="R39" s="128" t="s">
        <v>465</v>
      </c>
      <c r="S39" s="46"/>
      <c r="T39" s="47" t="s">
        <v>465</v>
      </c>
      <c r="U39" s="44" t="s">
        <v>22</v>
      </c>
      <c r="V39" s="128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40"/>
      <c r="B40" s="41"/>
      <c r="C40" s="128"/>
      <c r="D40" s="130"/>
      <c r="E40" s="317"/>
      <c r="F40" s="287"/>
      <c r="G40" s="128"/>
      <c r="H40" s="44"/>
      <c r="I40" s="128"/>
      <c r="J40" s="44"/>
      <c r="K40" s="45"/>
      <c r="L40" s="45"/>
      <c r="M40" s="131"/>
      <c r="N40" s="131"/>
      <c r="O40" s="130"/>
      <c r="P40" s="128"/>
      <c r="Q40" s="44"/>
      <c r="R40" s="128"/>
      <c r="S40" s="46"/>
      <c r="T40" s="47"/>
      <c r="U40" s="44"/>
      <c r="V40" s="128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40"/>
      <c r="B41" s="41"/>
      <c r="C41" s="128"/>
      <c r="D41" s="41"/>
      <c r="E41" s="128"/>
      <c r="F41" s="130"/>
      <c r="G41" s="128"/>
      <c r="H41" s="44"/>
      <c r="I41" s="128"/>
      <c r="J41" s="44"/>
      <c r="K41" s="45"/>
      <c r="L41" s="45"/>
      <c r="M41" s="131"/>
      <c r="N41" s="227" t="s">
        <v>21</v>
      </c>
      <c r="O41" s="221" t="s">
        <v>54</v>
      </c>
      <c r="P41" s="129"/>
      <c r="Q41" s="69"/>
      <c r="R41" s="129"/>
      <c r="S41" s="72"/>
      <c r="T41" s="73"/>
      <c r="U41" s="69"/>
      <c r="V41" s="129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40"/>
      <c r="B42" s="41"/>
      <c r="C42" s="128"/>
      <c r="D42" s="41"/>
      <c r="E42" s="128"/>
      <c r="F42" s="130"/>
      <c r="G42" s="128"/>
      <c r="H42" s="44"/>
      <c r="I42" s="128"/>
      <c r="J42" s="44"/>
      <c r="K42" s="45"/>
      <c r="L42" s="45"/>
      <c r="M42" s="131"/>
      <c r="N42" s="312"/>
      <c r="O42" s="287"/>
      <c r="P42" s="128"/>
      <c r="Q42" s="44" t="s">
        <v>464</v>
      </c>
      <c r="R42" s="128" t="s">
        <v>465</v>
      </c>
      <c r="S42" s="46"/>
      <c r="T42" s="47" t="s">
        <v>465</v>
      </c>
      <c r="U42" s="44" t="s">
        <v>22</v>
      </c>
      <c r="V42" s="128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91"/>
      <c r="D43" s="90"/>
      <c r="E43" s="91"/>
      <c r="F43" s="102"/>
      <c r="G43" s="91"/>
      <c r="H43" s="92"/>
      <c r="I43" s="91"/>
      <c r="J43" s="92"/>
      <c r="K43" s="48"/>
      <c r="L43" s="48"/>
      <c r="M43" s="49"/>
      <c r="N43" s="319"/>
      <c r="O43" s="289"/>
      <c r="P43" s="91"/>
      <c r="Q43" s="92"/>
      <c r="R43" s="91"/>
      <c r="S43" s="93"/>
      <c r="T43" s="94"/>
      <c r="U43" s="92"/>
      <c r="V43" s="91"/>
      <c r="W43" s="92"/>
      <c r="X43" s="95"/>
      <c r="Y43" s="95"/>
      <c r="Z43" s="95"/>
      <c r="AA43" s="95"/>
      <c r="AB43" s="96"/>
      <c r="AC43" s="96"/>
      <c r="AD43" s="96"/>
      <c r="AE43" s="96"/>
      <c r="AF43" s="96"/>
      <c r="AG43" s="96"/>
      <c r="AH43" s="96"/>
      <c r="AI43" s="96"/>
      <c r="AJ43" s="96"/>
      <c r="AK43" s="97"/>
      <c r="AL43" s="97"/>
      <c r="AM43" s="98"/>
    </row>
    <row r="44" spans="1:39" s="59" customFormat="1" ht="9.75" customHeight="1">
      <c r="A44" s="126"/>
      <c r="B44" s="125"/>
      <c r="C44" s="218" t="s">
        <v>31</v>
      </c>
      <c r="D44" s="221" t="s">
        <v>66</v>
      </c>
      <c r="E44" s="129"/>
      <c r="F44" s="127"/>
      <c r="G44" s="129"/>
      <c r="H44" s="69"/>
      <c r="I44" s="129"/>
      <c r="J44" s="69"/>
      <c r="K44" s="70"/>
      <c r="L44" s="70"/>
      <c r="M44" s="132"/>
      <c r="N44" s="132"/>
      <c r="O44" s="68"/>
      <c r="P44" s="129"/>
      <c r="Q44" s="69"/>
      <c r="R44" s="129"/>
      <c r="S44" s="72"/>
      <c r="T44" s="73"/>
      <c r="U44" s="69"/>
      <c r="V44" s="129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126"/>
      <c r="B45" s="125"/>
      <c r="C45" s="317"/>
      <c r="D45" s="287"/>
      <c r="E45" s="128"/>
      <c r="F45" s="130"/>
      <c r="G45" s="128"/>
      <c r="H45" s="44" t="s">
        <v>466</v>
      </c>
      <c r="I45" s="128" t="s">
        <v>23</v>
      </c>
      <c r="J45" s="44" t="s">
        <v>467</v>
      </c>
      <c r="K45" s="45" t="s">
        <v>22</v>
      </c>
      <c r="L45" s="45" t="s">
        <v>468</v>
      </c>
      <c r="M45" s="131"/>
      <c r="N45" s="131"/>
      <c r="O45" s="41"/>
      <c r="P45" s="128"/>
      <c r="Q45" s="44"/>
      <c r="R45" s="128" t="s">
        <v>469</v>
      </c>
      <c r="S45" s="46"/>
      <c r="T45" s="47" t="s">
        <v>469</v>
      </c>
      <c r="U45" s="44" t="s">
        <v>22</v>
      </c>
      <c r="V45" s="128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126"/>
      <c r="B46" s="125"/>
      <c r="C46" s="317"/>
      <c r="D46" s="287"/>
      <c r="E46" s="128"/>
      <c r="F46" s="130"/>
      <c r="G46" s="128"/>
      <c r="H46" s="44"/>
      <c r="I46" s="128"/>
      <c r="J46" s="44"/>
      <c r="K46" s="45"/>
      <c r="L46" s="45"/>
      <c r="M46" s="131"/>
      <c r="N46" s="131"/>
      <c r="O46" s="41"/>
      <c r="P46" s="128"/>
      <c r="Q46" s="44"/>
      <c r="R46" s="128"/>
      <c r="S46" s="46"/>
      <c r="T46" s="47"/>
      <c r="U46" s="44"/>
      <c r="V46" s="128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126"/>
      <c r="B47" s="56"/>
      <c r="C47" s="128"/>
      <c r="D47" s="130"/>
      <c r="E47" s="218" t="s">
        <v>21</v>
      </c>
      <c r="F47" s="230" t="s">
        <v>571</v>
      </c>
      <c r="G47" s="129"/>
      <c r="H47" s="69"/>
      <c r="I47" s="129"/>
      <c r="J47" s="69"/>
      <c r="K47" s="70"/>
      <c r="L47" s="70"/>
      <c r="M47" s="132"/>
      <c r="N47" s="132"/>
      <c r="O47" s="127"/>
      <c r="P47" s="129"/>
      <c r="Q47" s="69"/>
      <c r="R47" s="129"/>
      <c r="S47" s="72"/>
      <c r="T47" s="73"/>
      <c r="U47" s="69"/>
      <c r="V47" s="129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128"/>
      <c r="D48" s="130"/>
      <c r="E48" s="317"/>
      <c r="F48" s="311"/>
      <c r="G48" s="128"/>
      <c r="H48" s="44" t="s">
        <v>466</v>
      </c>
      <c r="I48" s="128" t="s">
        <v>23</v>
      </c>
      <c r="J48" s="44" t="s">
        <v>467</v>
      </c>
      <c r="K48" s="45" t="s">
        <v>22</v>
      </c>
      <c r="L48" s="45" t="s">
        <v>468</v>
      </c>
      <c r="M48" s="131"/>
      <c r="N48" s="131"/>
      <c r="O48" s="130"/>
      <c r="P48" s="128"/>
      <c r="Q48" s="44"/>
      <c r="R48" s="128" t="s">
        <v>469</v>
      </c>
      <c r="S48" s="46"/>
      <c r="T48" s="47" t="s">
        <v>469</v>
      </c>
      <c r="U48" s="44" t="s">
        <v>22</v>
      </c>
      <c r="V48" s="128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91"/>
      <c r="D49" s="102"/>
      <c r="E49" s="321"/>
      <c r="F49" s="320"/>
      <c r="G49" s="91"/>
      <c r="H49" s="92"/>
      <c r="I49" s="91"/>
      <c r="J49" s="92"/>
      <c r="K49" s="48"/>
      <c r="L49" s="48"/>
      <c r="M49" s="49"/>
      <c r="N49" s="49"/>
      <c r="O49" s="102"/>
      <c r="P49" s="91"/>
      <c r="Q49" s="92"/>
      <c r="R49" s="91"/>
      <c r="S49" s="93"/>
      <c r="T49" s="94"/>
      <c r="U49" s="92"/>
      <c r="V49" s="91"/>
      <c r="W49" s="92"/>
      <c r="X49" s="95"/>
      <c r="Y49" s="95"/>
      <c r="Z49" s="95"/>
      <c r="AA49" s="95"/>
      <c r="AB49" s="96"/>
      <c r="AC49" s="96"/>
      <c r="AD49" s="96"/>
      <c r="AE49" s="96"/>
      <c r="AF49" s="96"/>
      <c r="AG49" s="96"/>
      <c r="AH49" s="96"/>
      <c r="AI49" s="96"/>
      <c r="AJ49" s="96"/>
      <c r="AK49" s="97"/>
      <c r="AL49" s="97"/>
      <c r="AM49" s="98"/>
    </row>
    <row r="50" spans="1:39" s="59" customFormat="1" ht="9.75" customHeight="1">
      <c r="A50" s="126"/>
      <c r="B50" s="125"/>
      <c r="C50" s="218" t="s">
        <v>32</v>
      </c>
      <c r="D50" s="221" t="s">
        <v>80</v>
      </c>
      <c r="E50" s="129"/>
      <c r="F50" s="127"/>
      <c r="G50" s="129"/>
      <c r="H50" s="69"/>
      <c r="I50" s="129"/>
      <c r="J50" s="69"/>
      <c r="K50" s="70"/>
      <c r="L50" s="70"/>
      <c r="M50" s="132"/>
      <c r="N50" s="132"/>
      <c r="O50" s="68"/>
      <c r="P50" s="129"/>
      <c r="Q50" s="69"/>
      <c r="R50" s="129"/>
      <c r="S50" s="72"/>
      <c r="T50" s="73"/>
      <c r="U50" s="69"/>
      <c r="V50" s="129"/>
      <c r="W50" s="69"/>
      <c r="X50" s="74" t="s">
        <v>42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 t="s">
        <v>470</v>
      </c>
    </row>
    <row r="51" spans="1:39" s="59" customFormat="1" ht="9.75" customHeight="1">
      <c r="A51" s="126"/>
      <c r="B51" s="125"/>
      <c r="C51" s="317"/>
      <c r="D51" s="287"/>
      <c r="E51" s="128"/>
      <c r="F51" s="130"/>
      <c r="G51" s="128"/>
      <c r="H51" s="44" t="s">
        <v>471</v>
      </c>
      <c r="I51" s="128" t="s">
        <v>23</v>
      </c>
      <c r="J51" s="44" t="s">
        <v>472</v>
      </c>
      <c r="K51" s="45" t="s">
        <v>473</v>
      </c>
      <c r="L51" s="45" t="s">
        <v>474</v>
      </c>
      <c r="M51" s="131"/>
      <c r="N51" s="131"/>
      <c r="O51" s="41"/>
      <c r="P51" s="128"/>
      <c r="Q51" s="44"/>
      <c r="R51" s="128" t="s">
        <v>475</v>
      </c>
      <c r="S51" s="46"/>
      <c r="T51" s="47" t="s">
        <v>475</v>
      </c>
      <c r="U51" s="44" t="s">
        <v>22</v>
      </c>
      <c r="V51" s="128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126"/>
      <c r="B52" s="125"/>
      <c r="C52" s="317"/>
      <c r="D52" s="287"/>
      <c r="E52" s="128"/>
      <c r="F52" s="130"/>
      <c r="G52" s="128"/>
      <c r="H52" s="44"/>
      <c r="I52" s="128"/>
      <c r="J52" s="44"/>
      <c r="K52" s="45"/>
      <c r="L52" s="45"/>
      <c r="M52" s="131"/>
      <c r="N52" s="131"/>
      <c r="O52" s="41"/>
      <c r="P52" s="128"/>
      <c r="Q52" s="44"/>
      <c r="R52" s="128"/>
      <c r="S52" s="46"/>
      <c r="T52" s="47"/>
      <c r="U52" s="44"/>
      <c r="V52" s="128"/>
      <c r="W52" s="44"/>
      <c r="X52" s="33"/>
      <c r="Y52" s="33"/>
      <c r="Z52" s="33"/>
      <c r="AA52" s="33"/>
      <c r="AB52" s="34"/>
      <c r="AC52" s="34"/>
      <c r="AD52" s="34"/>
      <c r="AE52" s="34"/>
      <c r="AF52" s="34"/>
      <c r="AG52" s="34"/>
      <c r="AH52" s="34"/>
      <c r="AI52" s="34"/>
      <c r="AJ52" s="34"/>
      <c r="AK52" s="35"/>
      <c r="AL52" s="35"/>
      <c r="AM52" s="36"/>
    </row>
    <row r="53" spans="1:39" s="59" customFormat="1" ht="9.75" customHeight="1">
      <c r="A53" s="126"/>
      <c r="B53" s="56"/>
      <c r="C53" s="128"/>
      <c r="D53" s="130"/>
      <c r="E53" s="218" t="s">
        <v>21</v>
      </c>
      <c r="F53" s="221" t="s">
        <v>80</v>
      </c>
      <c r="G53" s="129"/>
      <c r="H53" s="69"/>
      <c r="I53" s="129"/>
      <c r="J53" s="69"/>
      <c r="K53" s="70"/>
      <c r="L53" s="70"/>
      <c r="M53" s="132"/>
      <c r="N53" s="132"/>
      <c r="O53" s="127"/>
      <c r="P53" s="129"/>
      <c r="Q53" s="69"/>
      <c r="R53" s="129"/>
      <c r="S53" s="72"/>
      <c r="T53" s="73"/>
      <c r="U53" s="69"/>
      <c r="V53" s="129"/>
      <c r="W53" s="69"/>
      <c r="X53" s="74" t="s">
        <v>42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 t="s">
        <v>470</v>
      </c>
    </row>
    <row r="54" spans="1:39" s="59" customFormat="1" ht="9.75" customHeight="1">
      <c r="A54" s="40"/>
      <c r="B54" s="41"/>
      <c r="C54" s="128"/>
      <c r="D54" s="130"/>
      <c r="E54" s="317"/>
      <c r="F54" s="287"/>
      <c r="G54" s="128"/>
      <c r="H54" s="44" t="s">
        <v>471</v>
      </c>
      <c r="I54" s="128" t="s">
        <v>23</v>
      </c>
      <c r="J54" s="44" t="s">
        <v>472</v>
      </c>
      <c r="K54" s="45" t="s">
        <v>473</v>
      </c>
      <c r="L54" s="45" t="s">
        <v>474</v>
      </c>
      <c r="M54" s="131"/>
      <c r="N54" s="131"/>
      <c r="O54" s="130"/>
      <c r="P54" s="128"/>
      <c r="Q54" s="44"/>
      <c r="R54" s="128" t="s">
        <v>475</v>
      </c>
      <c r="S54" s="46"/>
      <c r="T54" s="47" t="s">
        <v>475</v>
      </c>
      <c r="U54" s="44" t="s">
        <v>22</v>
      </c>
      <c r="V54" s="128"/>
      <c r="W54" s="44" t="s">
        <v>22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40"/>
      <c r="B55" s="41"/>
      <c r="C55" s="91"/>
      <c r="D55" s="102"/>
      <c r="E55" s="321"/>
      <c r="F55" s="289"/>
      <c r="G55" s="91"/>
      <c r="H55" s="92"/>
      <c r="I55" s="91"/>
      <c r="J55" s="92"/>
      <c r="K55" s="48"/>
      <c r="L55" s="48"/>
      <c r="M55" s="49"/>
      <c r="N55" s="49"/>
      <c r="O55" s="102"/>
      <c r="P55" s="91"/>
      <c r="Q55" s="92"/>
      <c r="R55" s="91"/>
      <c r="S55" s="93"/>
      <c r="T55" s="94"/>
      <c r="U55" s="92"/>
      <c r="V55" s="91"/>
      <c r="W55" s="92"/>
      <c r="X55" s="95"/>
      <c r="Y55" s="95"/>
      <c r="Z55" s="95"/>
      <c r="AA55" s="95"/>
      <c r="AB55" s="96"/>
      <c r="AC55" s="96"/>
      <c r="AD55" s="96"/>
      <c r="AE55" s="96"/>
      <c r="AF55" s="96"/>
      <c r="AG55" s="96"/>
      <c r="AH55" s="96"/>
      <c r="AI55" s="96"/>
      <c r="AJ55" s="96"/>
      <c r="AK55" s="97"/>
      <c r="AL55" s="97"/>
      <c r="AM55" s="98"/>
    </row>
    <row r="56" spans="1:39" s="59" customFormat="1" ht="9.75" customHeight="1">
      <c r="A56" s="126"/>
      <c r="B56" s="125"/>
      <c r="C56" s="218" t="s">
        <v>34</v>
      </c>
      <c r="D56" s="221" t="s">
        <v>82</v>
      </c>
      <c r="E56" s="129"/>
      <c r="F56" s="127"/>
      <c r="G56" s="129"/>
      <c r="H56" s="69"/>
      <c r="I56" s="129"/>
      <c r="J56" s="69"/>
      <c r="K56" s="70"/>
      <c r="L56" s="70"/>
      <c r="M56" s="132"/>
      <c r="N56" s="132"/>
      <c r="O56" s="68"/>
      <c r="P56" s="129"/>
      <c r="Q56" s="69"/>
      <c r="R56" s="129"/>
      <c r="S56" s="72"/>
      <c r="T56" s="73"/>
      <c r="U56" s="69"/>
      <c r="V56" s="129"/>
      <c r="W56" s="69"/>
      <c r="X56" s="74" t="s">
        <v>1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/>
    </row>
    <row r="57" spans="1:39" s="59" customFormat="1" ht="9.75" customHeight="1">
      <c r="A57" s="126"/>
      <c r="B57" s="125"/>
      <c r="C57" s="317"/>
      <c r="D57" s="287"/>
      <c r="E57" s="128"/>
      <c r="F57" s="130"/>
      <c r="G57" s="128"/>
      <c r="H57" s="44" t="s">
        <v>476</v>
      </c>
      <c r="I57" s="128"/>
      <c r="J57" s="44" t="s">
        <v>477</v>
      </c>
      <c r="K57" s="45" t="s">
        <v>22</v>
      </c>
      <c r="L57" s="45" t="s">
        <v>478</v>
      </c>
      <c r="M57" s="131"/>
      <c r="N57" s="131"/>
      <c r="O57" s="41"/>
      <c r="P57" s="128"/>
      <c r="Q57" s="44"/>
      <c r="R57" s="128" t="s">
        <v>479</v>
      </c>
      <c r="S57" s="46"/>
      <c r="T57" s="47" t="s">
        <v>479</v>
      </c>
      <c r="U57" s="44" t="s">
        <v>22</v>
      </c>
      <c r="V57" s="128"/>
      <c r="W57" s="44" t="s">
        <v>22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126"/>
      <c r="B58" s="125"/>
      <c r="C58" s="317"/>
      <c r="D58" s="287"/>
      <c r="E58" s="128"/>
      <c r="F58" s="130"/>
      <c r="G58" s="128"/>
      <c r="H58" s="44"/>
      <c r="I58" s="128"/>
      <c r="J58" s="44"/>
      <c r="K58" s="45"/>
      <c r="L58" s="45"/>
      <c r="M58" s="131"/>
      <c r="N58" s="131"/>
      <c r="O58" s="41"/>
      <c r="P58" s="128"/>
      <c r="Q58" s="44"/>
      <c r="R58" s="128"/>
      <c r="S58" s="46"/>
      <c r="T58" s="47"/>
      <c r="U58" s="44"/>
      <c r="V58" s="128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126"/>
      <c r="B59" s="56"/>
      <c r="C59" s="128"/>
      <c r="D59" s="130"/>
      <c r="E59" s="218" t="s">
        <v>21</v>
      </c>
      <c r="F59" s="221" t="s">
        <v>83</v>
      </c>
      <c r="G59" s="129"/>
      <c r="H59" s="69"/>
      <c r="I59" s="129"/>
      <c r="J59" s="69"/>
      <c r="K59" s="70"/>
      <c r="L59" s="70"/>
      <c r="M59" s="132"/>
      <c r="N59" s="132"/>
      <c r="O59" s="127"/>
      <c r="P59" s="129"/>
      <c r="Q59" s="69"/>
      <c r="R59" s="129"/>
      <c r="S59" s="72"/>
      <c r="T59" s="73"/>
      <c r="U59" s="69"/>
      <c r="V59" s="129"/>
      <c r="W59" s="69"/>
      <c r="X59" s="74" t="s">
        <v>1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/>
    </row>
    <row r="60" spans="1:39" s="59" customFormat="1" ht="9.75" customHeight="1">
      <c r="A60" s="40"/>
      <c r="B60" s="41"/>
      <c r="C60" s="128"/>
      <c r="D60" s="130"/>
      <c r="E60" s="317"/>
      <c r="F60" s="287"/>
      <c r="G60" s="128"/>
      <c r="H60" s="44" t="s">
        <v>480</v>
      </c>
      <c r="I60" s="128"/>
      <c r="J60" s="44" t="s">
        <v>22</v>
      </c>
      <c r="K60" s="45" t="s">
        <v>22</v>
      </c>
      <c r="L60" s="45" t="s">
        <v>480</v>
      </c>
      <c r="M60" s="131"/>
      <c r="N60" s="131"/>
      <c r="O60" s="130"/>
      <c r="P60" s="128"/>
      <c r="Q60" s="44"/>
      <c r="R60" s="128" t="s">
        <v>481</v>
      </c>
      <c r="S60" s="46"/>
      <c r="T60" s="47" t="s">
        <v>481</v>
      </c>
      <c r="U60" s="44" t="s">
        <v>22</v>
      </c>
      <c r="V60" s="128"/>
      <c r="W60" s="44" t="s">
        <v>22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40"/>
      <c r="B61" s="41"/>
      <c r="C61" s="128"/>
      <c r="D61" s="130"/>
      <c r="E61" s="321"/>
      <c r="F61" s="289"/>
      <c r="G61" s="128"/>
      <c r="H61" s="44"/>
      <c r="I61" s="128"/>
      <c r="J61" s="44"/>
      <c r="K61" s="45"/>
      <c r="L61" s="45"/>
      <c r="M61" s="131"/>
      <c r="N61" s="131"/>
      <c r="O61" s="130"/>
      <c r="P61" s="128"/>
      <c r="Q61" s="44"/>
      <c r="R61" s="128"/>
      <c r="S61" s="46"/>
      <c r="T61" s="47"/>
      <c r="U61" s="44"/>
      <c r="V61" s="128"/>
      <c r="W61" s="44"/>
      <c r="X61" s="33"/>
      <c r="Y61" s="33"/>
      <c r="Z61" s="33"/>
      <c r="AA61" s="33"/>
      <c r="AB61" s="34"/>
      <c r="AC61" s="34"/>
      <c r="AD61" s="34"/>
      <c r="AE61" s="34"/>
      <c r="AF61" s="34"/>
      <c r="AG61" s="34"/>
      <c r="AH61" s="34"/>
      <c r="AI61" s="34"/>
      <c r="AJ61" s="34"/>
      <c r="AK61" s="35"/>
      <c r="AL61" s="35"/>
      <c r="AM61" s="36"/>
    </row>
    <row r="62" spans="1:39" s="59" customFormat="1" ht="9.75" customHeight="1">
      <c r="A62" s="126"/>
      <c r="B62" s="125"/>
      <c r="C62" s="128"/>
      <c r="D62" s="130"/>
      <c r="E62" s="218" t="s">
        <v>25</v>
      </c>
      <c r="F62" s="221" t="s">
        <v>92</v>
      </c>
      <c r="G62" s="129"/>
      <c r="H62" s="69"/>
      <c r="I62" s="129"/>
      <c r="J62" s="69"/>
      <c r="K62" s="70"/>
      <c r="L62" s="70"/>
      <c r="M62" s="132"/>
      <c r="N62" s="132"/>
      <c r="O62" s="68"/>
      <c r="P62" s="129"/>
      <c r="Q62" s="69"/>
      <c r="R62" s="129"/>
      <c r="S62" s="72"/>
      <c r="T62" s="73"/>
      <c r="U62" s="69"/>
      <c r="V62" s="129"/>
      <c r="W62" s="69"/>
      <c r="X62" s="74" t="s">
        <v>1</v>
      </c>
      <c r="Y62" s="74"/>
      <c r="Z62" s="74"/>
      <c r="AA62" s="74"/>
      <c r="AB62" s="75"/>
      <c r="AC62" s="75"/>
      <c r="AD62" s="75"/>
      <c r="AE62" s="75"/>
      <c r="AF62" s="75"/>
      <c r="AG62" s="75"/>
      <c r="AH62" s="75"/>
      <c r="AI62" s="75"/>
      <c r="AJ62" s="75"/>
      <c r="AK62" s="25"/>
      <c r="AL62" s="25"/>
      <c r="AM62" s="32"/>
    </row>
    <row r="63" spans="1:39" s="59" customFormat="1" ht="9.75" customHeight="1">
      <c r="A63" s="126"/>
      <c r="B63" s="125"/>
      <c r="C63" s="128"/>
      <c r="D63" s="130"/>
      <c r="E63" s="317"/>
      <c r="F63" s="287"/>
      <c r="G63" s="128"/>
      <c r="H63" s="44" t="s">
        <v>482</v>
      </c>
      <c r="I63" s="128"/>
      <c r="J63" s="44" t="s">
        <v>22</v>
      </c>
      <c r="K63" s="45" t="s">
        <v>22</v>
      </c>
      <c r="L63" s="45" t="s">
        <v>482</v>
      </c>
      <c r="M63" s="131"/>
      <c r="N63" s="131"/>
      <c r="O63" s="41"/>
      <c r="P63" s="128"/>
      <c r="Q63" s="44"/>
      <c r="R63" s="128" t="s">
        <v>483</v>
      </c>
      <c r="S63" s="46"/>
      <c r="T63" s="47" t="s">
        <v>483</v>
      </c>
      <c r="U63" s="44" t="s">
        <v>22</v>
      </c>
      <c r="V63" s="128"/>
      <c r="W63" s="44" t="s">
        <v>22</v>
      </c>
      <c r="X63" s="33"/>
      <c r="Y63" s="33"/>
      <c r="Z63" s="33"/>
      <c r="AA63" s="33"/>
      <c r="AB63" s="34"/>
      <c r="AC63" s="34"/>
      <c r="AD63" s="34"/>
      <c r="AE63" s="34"/>
      <c r="AF63" s="34"/>
      <c r="AG63" s="34"/>
      <c r="AH63" s="34"/>
      <c r="AI63" s="34"/>
      <c r="AJ63" s="34"/>
      <c r="AK63" s="35"/>
      <c r="AL63" s="35"/>
      <c r="AM63" s="36"/>
    </row>
    <row r="64" spans="1:39" s="59" customFormat="1" ht="9.75" customHeight="1">
      <c r="A64" s="126"/>
      <c r="B64" s="125"/>
      <c r="C64" s="128"/>
      <c r="D64" s="130"/>
      <c r="E64" s="321"/>
      <c r="F64" s="289"/>
      <c r="G64" s="128"/>
      <c r="H64" s="44"/>
      <c r="I64" s="128"/>
      <c r="J64" s="44"/>
      <c r="K64" s="45"/>
      <c r="L64" s="45"/>
      <c r="M64" s="131"/>
      <c r="N64" s="131"/>
      <c r="O64" s="41"/>
      <c r="P64" s="128"/>
      <c r="Q64" s="44"/>
      <c r="R64" s="128"/>
      <c r="S64" s="46"/>
      <c r="T64" s="47"/>
      <c r="U64" s="44"/>
      <c r="V64" s="128"/>
      <c r="W64" s="44"/>
      <c r="X64" s="33"/>
      <c r="Y64" s="33"/>
      <c r="Z64" s="33"/>
      <c r="AA64" s="33"/>
      <c r="AB64" s="34"/>
      <c r="AC64" s="34"/>
      <c r="AD64" s="34"/>
      <c r="AE64" s="34"/>
      <c r="AF64" s="34"/>
      <c r="AG64" s="34"/>
      <c r="AH64" s="34"/>
      <c r="AI64" s="34"/>
      <c r="AJ64" s="34"/>
      <c r="AK64" s="35"/>
      <c r="AL64" s="35"/>
      <c r="AM64" s="36"/>
    </row>
    <row r="65" spans="1:39" s="59" customFormat="1" ht="9.75" customHeight="1">
      <c r="A65" s="126"/>
      <c r="B65" s="125"/>
      <c r="C65" s="128"/>
      <c r="D65" s="130"/>
      <c r="E65" s="218" t="s">
        <v>26</v>
      </c>
      <c r="F65" s="221" t="s">
        <v>99</v>
      </c>
      <c r="G65" s="129"/>
      <c r="H65" s="69"/>
      <c r="I65" s="129"/>
      <c r="J65" s="69"/>
      <c r="K65" s="70"/>
      <c r="L65" s="70"/>
      <c r="M65" s="132"/>
      <c r="N65" s="132"/>
      <c r="O65" s="68"/>
      <c r="P65" s="129"/>
      <c r="Q65" s="69"/>
      <c r="R65" s="129"/>
      <c r="S65" s="72"/>
      <c r="T65" s="73"/>
      <c r="U65" s="69"/>
      <c r="V65" s="129"/>
      <c r="W65" s="69"/>
      <c r="X65" s="74" t="s">
        <v>1</v>
      </c>
      <c r="Y65" s="74"/>
      <c r="Z65" s="74"/>
      <c r="AA65" s="74"/>
      <c r="AB65" s="75"/>
      <c r="AC65" s="75"/>
      <c r="AD65" s="75"/>
      <c r="AE65" s="75"/>
      <c r="AF65" s="75"/>
      <c r="AG65" s="75"/>
      <c r="AH65" s="75"/>
      <c r="AI65" s="75"/>
      <c r="AJ65" s="75"/>
      <c r="AK65" s="25"/>
      <c r="AL65" s="25"/>
      <c r="AM65" s="32"/>
    </row>
    <row r="66" spans="1:39" s="59" customFormat="1" ht="9.75" customHeight="1">
      <c r="A66" s="126"/>
      <c r="B66" s="125"/>
      <c r="C66" s="128"/>
      <c r="D66" s="130"/>
      <c r="E66" s="317"/>
      <c r="F66" s="287"/>
      <c r="G66" s="128"/>
      <c r="H66" s="44" t="s">
        <v>22</v>
      </c>
      <c r="I66" s="128"/>
      <c r="J66" s="44" t="s">
        <v>477</v>
      </c>
      <c r="K66" s="45" t="s">
        <v>22</v>
      </c>
      <c r="L66" s="45" t="s">
        <v>477</v>
      </c>
      <c r="M66" s="131"/>
      <c r="N66" s="131"/>
      <c r="O66" s="41"/>
      <c r="P66" s="128"/>
      <c r="Q66" s="44"/>
      <c r="R66" s="128" t="s">
        <v>484</v>
      </c>
      <c r="S66" s="46"/>
      <c r="T66" s="47" t="s">
        <v>484</v>
      </c>
      <c r="U66" s="44" t="s">
        <v>22</v>
      </c>
      <c r="V66" s="128"/>
      <c r="W66" s="44" t="s">
        <v>22</v>
      </c>
      <c r="X66" s="33"/>
      <c r="Y66" s="33"/>
      <c r="Z66" s="33"/>
      <c r="AA66" s="33"/>
      <c r="AB66" s="34"/>
      <c r="AC66" s="34"/>
      <c r="AD66" s="34"/>
      <c r="AE66" s="34"/>
      <c r="AF66" s="34"/>
      <c r="AG66" s="34"/>
      <c r="AH66" s="34"/>
      <c r="AI66" s="34"/>
      <c r="AJ66" s="34"/>
      <c r="AK66" s="35"/>
      <c r="AL66" s="35"/>
      <c r="AM66" s="36"/>
    </row>
    <row r="67" spans="1:39" s="59" customFormat="1" ht="9.75" customHeight="1">
      <c r="A67" s="126"/>
      <c r="B67" s="125"/>
      <c r="C67" s="91"/>
      <c r="D67" s="102"/>
      <c r="E67" s="321"/>
      <c r="F67" s="289"/>
      <c r="G67" s="91"/>
      <c r="H67" s="92"/>
      <c r="I67" s="91"/>
      <c r="J67" s="92"/>
      <c r="K67" s="48"/>
      <c r="L67" s="48"/>
      <c r="M67" s="49"/>
      <c r="N67" s="49"/>
      <c r="O67" s="90"/>
      <c r="P67" s="91"/>
      <c r="Q67" s="92"/>
      <c r="R67" s="91"/>
      <c r="S67" s="93"/>
      <c r="T67" s="94"/>
      <c r="U67" s="92"/>
      <c r="V67" s="91"/>
      <c r="W67" s="92"/>
      <c r="X67" s="95"/>
      <c r="Y67" s="95"/>
      <c r="Z67" s="95"/>
      <c r="AA67" s="95"/>
      <c r="AB67" s="96"/>
      <c r="AC67" s="96"/>
      <c r="AD67" s="96"/>
      <c r="AE67" s="96"/>
      <c r="AF67" s="96"/>
      <c r="AG67" s="96"/>
      <c r="AH67" s="96"/>
      <c r="AI67" s="96"/>
      <c r="AJ67" s="96"/>
      <c r="AK67" s="97"/>
      <c r="AL67" s="97"/>
      <c r="AM67" s="98"/>
    </row>
    <row r="68" spans="1:39" s="59" customFormat="1" ht="9.75" customHeight="1">
      <c r="A68" s="126"/>
      <c r="B68" s="125"/>
      <c r="C68" s="218" t="s">
        <v>35</v>
      </c>
      <c r="D68" s="221" t="s">
        <v>101</v>
      </c>
      <c r="E68" s="129"/>
      <c r="F68" s="127"/>
      <c r="G68" s="129"/>
      <c r="H68" s="69"/>
      <c r="I68" s="129"/>
      <c r="J68" s="69"/>
      <c r="K68" s="70"/>
      <c r="L68" s="70"/>
      <c r="M68" s="132"/>
      <c r="N68" s="132"/>
      <c r="O68" s="68"/>
      <c r="P68" s="129"/>
      <c r="Q68" s="69"/>
      <c r="R68" s="129"/>
      <c r="S68" s="72"/>
      <c r="T68" s="73"/>
      <c r="U68" s="69"/>
      <c r="V68" s="129"/>
      <c r="W68" s="69"/>
      <c r="X68" s="74" t="s">
        <v>42</v>
      </c>
      <c r="Y68" s="74"/>
      <c r="Z68" s="74"/>
      <c r="AA68" s="74"/>
      <c r="AB68" s="75"/>
      <c r="AC68" s="75"/>
      <c r="AD68" s="75"/>
      <c r="AE68" s="75"/>
      <c r="AF68" s="75"/>
      <c r="AG68" s="75"/>
      <c r="AH68" s="75"/>
      <c r="AI68" s="75"/>
      <c r="AJ68" s="75"/>
      <c r="AK68" s="25"/>
      <c r="AL68" s="25"/>
      <c r="AM68" s="32" t="s">
        <v>485</v>
      </c>
    </row>
    <row r="69" spans="1:39" s="59" customFormat="1" ht="9.75" customHeight="1">
      <c r="A69" s="126"/>
      <c r="B69" s="125"/>
      <c r="C69" s="317"/>
      <c r="D69" s="287"/>
      <c r="E69" s="128"/>
      <c r="F69" s="130"/>
      <c r="G69" s="128"/>
      <c r="H69" s="44" t="s">
        <v>486</v>
      </c>
      <c r="I69" s="128" t="s">
        <v>23</v>
      </c>
      <c r="J69" s="44" t="s">
        <v>487</v>
      </c>
      <c r="K69" s="45" t="s">
        <v>488</v>
      </c>
      <c r="L69" s="45" t="s">
        <v>489</v>
      </c>
      <c r="M69" s="131"/>
      <c r="N69" s="131"/>
      <c r="O69" s="41"/>
      <c r="P69" s="128"/>
      <c r="Q69" s="44"/>
      <c r="R69" s="128" t="s">
        <v>490</v>
      </c>
      <c r="S69" s="46"/>
      <c r="T69" s="47" t="s">
        <v>490</v>
      </c>
      <c r="U69" s="44" t="s">
        <v>22</v>
      </c>
      <c r="V69" s="128"/>
      <c r="W69" s="44" t="s">
        <v>22</v>
      </c>
      <c r="X69" s="33"/>
      <c r="Y69" s="33"/>
      <c r="Z69" s="33"/>
      <c r="AA69" s="33"/>
      <c r="AB69" s="34"/>
      <c r="AC69" s="34"/>
      <c r="AD69" s="34"/>
      <c r="AE69" s="34"/>
      <c r="AF69" s="34"/>
      <c r="AG69" s="34"/>
      <c r="AH69" s="34"/>
      <c r="AI69" s="34"/>
      <c r="AJ69" s="34"/>
      <c r="AK69" s="35"/>
      <c r="AL69" s="35"/>
      <c r="AM69" s="36"/>
    </row>
    <row r="70" spans="1:39" s="59" customFormat="1" ht="9.75" customHeight="1">
      <c r="A70" s="126"/>
      <c r="B70" s="125"/>
      <c r="C70" s="317"/>
      <c r="D70" s="287"/>
      <c r="E70" s="128"/>
      <c r="F70" s="130"/>
      <c r="G70" s="128"/>
      <c r="H70" s="44"/>
      <c r="I70" s="128"/>
      <c r="J70" s="44"/>
      <c r="K70" s="45"/>
      <c r="L70" s="45"/>
      <c r="M70" s="131"/>
      <c r="N70" s="131"/>
      <c r="O70" s="41"/>
      <c r="P70" s="128"/>
      <c r="Q70" s="44"/>
      <c r="R70" s="128"/>
      <c r="S70" s="46"/>
      <c r="T70" s="47"/>
      <c r="U70" s="44"/>
      <c r="V70" s="128"/>
      <c r="W70" s="44"/>
      <c r="X70" s="33"/>
      <c r="Y70" s="33"/>
      <c r="Z70" s="33"/>
      <c r="AA70" s="33"/>
      <c r="AB70" s="34"/>
      <c r="AC70" s="34"/>
      <c r="AD70" s="34"/>
      <c r="AE70" s="34"/>
      <c r="AF70" s="34"/>
      <c r="AG70" s="34"/>
      <c r="AH70" s="34"/>
      <c r="AI70" s="34"/>
      <c r="AJ70" s="34"/>
      <c r="AK70" s="35"/>
      <c r="AL70" s="35"/>
      <c r="AM70" s="36"/>
    </row>
    <row r="71" spans="1:39" s="59" customFormat="1" ht="9.75" customHeight="1">
      <c r="A71" s="126"/>
      <c r="B71" s="56"/>
      <c r="C71" s="128"/>
      <c r="D71" s="130"/>
      <c r="E71" s="218" t="s">
        <v>21</v>
      </c>
      <c r="F71" s="221" t="s">
        <v>101</v>
      </c>
      <c r="G71" s="129"/>
      <c r="H71" s="69"/>
      <c r="I71" s="129"/>
      <c r="J71" s="69"/>
      <c r="K71" s="70"/>
      <c r="L71" s="70"/>
      <c r="M71" s="132"/>
      <c r="N71" s="132"/>
      <c r="O71" s="127"/>
      <c r="P71" s="129"/>
      <c r="Q71" s="69"/>
      <c r="R71" s="129"/>
      <c r="S71" s="72"/>
      <c r="T71" s="73"/>
      <c r="U71" s="69"/>
      <c r="V71" s="129"/>
      <c r="W71" s="69"/>
      <c r="X71" s="74" t="s">
        <v>42</v>
      </c>
      <c r="Y71" s="74"/>
      <c r="Z71" s="74"/>
      <c r="AA71" s="74"/>
      <c r="AB71" s="75"/>
      <c r="AC71" s="75"/>
      <c r="AD71" s="75"/>
      <c r="AE71" s="75"/>
      <c r="AF71" s="75"/>
      <c r="AG71" s="75"/>
      <c r="AH71" s="75"/>
      <c r="AI71" s="75"/>
      <c r="AJ71" s="75"/>
      <c r="AK71" s="25"/>
      <c r="AL71" s="25"/>
      <c r="AM71" s="32" t="s">
        <v>485</v>
      </c>
    </row>
    <row r="72" spans="1:39" s="59" customFormat="1" ht="9.75" customHeight="1">
      <c r="A72" s="40"/>
      <c r="B72" s="41"/>
      <c r="C72" s="128"/>
      <c r="D72" s="130"/>
      <c r="E72" s="317"/>
      <c r="F72" s="287"/>
      <c r="G72" s="128"/>
      <c r="H72" s="44" t="s">
        <v>486</v>
      </c>
      <c r="I72" s="128" t="s">
        <v>23</v>
      </c>
      <c r="J72" s="44" t="s">
        <v>487</v>
      </c>
      <c r="K72" s="45" t="s">
        <v>488</v>
      </c>
      <c r="L72" s="45" t="s">
        <v>489</v>
      </c>
      <c r="M72" s="131"/>
      <c r="N72" s="131"/>
      <c r="O72" s="130"/>
      <c r="P72" s="128"/>
      <c r="Q72" s="44"/>
      <c r="R72" s="128" t="s">
        <v>490</v>
      </c>
      <c r="S72" s="46"/>
      <c r="T72" s="47" t="s">
        <v>490</v>
      </c>
      <c r="U72" s="44" t="s">
        <v>22</v>
      </c>
      <c r="V72" s="128"/>
      <c r="W72" s="44" t="s">
        <v>22</v>
      </c>
      <c r="X72" s="33"/>
      <c r="Y72" s="33"/>
      <c r="Z72" s="33"/>
      <c r="AA72" s="33"/>
      <c r="AB72" s="34"/>
      <c r="AC72" s="34"/>
      <c r="AD72" s="34"/>
      <c r="AE72" s="34"/>
      <c r="AF72" s="34"/>
      <c r="AG72" s="34"/>
      <c r="AH72" s="34"/>
      <c r="AI72" s="34"/>
      <c r="AJ72" s="34"/>
      <c r="AK72" s="35"/>
      <c r="AL72" s="35"/>
      <c r="AM72" s="36"/>
    </row>
    <row r="73" spans="1:39" s="59" customFormat="1" ht="9.75" customHeight="1">
      <c r="A73" s="89"/>
      <c r="B73" s="90"/>
      <c r="C73" s="91"/>
      <c r="D73" s="102"/>
      <c r="E73" s="321"/>
      <c r="F73" s="289"/>
      <c r="G73" s="91"/>
      <c r="H73" s="92"/>
      <c r="I73" s="91"/>
      <c r="J73" s="92"/>
      <c r="K73" s="48"/>
      <c r="L73" s="48"/>
      <c r="M73" s="49"/>
      <c r="N73" s="49"/>
      <c r="O73" s="102"/>
      <c r="P73" s="91"/>
      <c r="Q73" s="92"/>
      <c r="R73" s="91"/>
      <c r="S73" s="93"/>
      <c r="T73" s="94"/>
      <c r="U73" s="92"/>
      <c r="V73" s="91"/>
      <c r="W73" s="92"/>
      <c r="X73" s="95"/>
      <c r="Y73" s="95"/>
      <c r="Z73" s="95"/>
      <c r="AA73" s="95"/>
      <c r="AB73" s="96"/>
      <c r="AC73" s="96"/>
      <c r="AD73" s="96"/>
      <c r="AE73" s="96"/>
      <c r="AF73" s="96"/>
      <c r="AG73" s="96"/>
      <c r="AH73" s="96"/>
      <c r="AI73" s="96"/>
      <c r="AJ73" s="96"/>
      <c r="AK73" s="97"/>
      <c r="AL73" s="97"/>
      <c r="AM73" s="98"/>
    </row>
    <row r="74" spans="1:39" s="59" customFormat="1" ht="9.75" customHeight="1">
      <c r="A74" s="76"/>
      <c r="B74" s="115"/>
      <c r="C74" s="115"/>
      <c r="D74" s="115"/>
      <c r="E74" s="115"/>
      <c r="F74" s="115"/>
      <c r="G74" s="103"/>
      <c r="H74" s="104"/>
      <c r="I74" s="103"/>
      <c r="J74" s="104"/>
      <c r="K74" s="105"/>
      <c r="L74" s="105"/>
      <c r="M74" s="106"/>
      <c r="N74" s="106"/>
      <c r="O74" s="65"/>
      <c r="P74" s="103"/>
      <c r="Q74" s="104"/>
      <c r="R74" s="103"/>
      <c r="S74" s="107"/>
      <c r="T74" s="108"/>
      <c r="U74" s="104"/>
      <c r="V74" s="103"/>
      <c r="W74" s="104"/>
      <c r="X74" s="109" t="s">
        <v>42</v>
      </c>
      <c r="Y74" s="109"/>
      <c r="Z74" s="109"/>
      <c r="AA74" s="109"/>
      <c r="AB74" s="110"/>
      <c r="AC74" s="110"/>
      <c r="AD74" s="110"/>
      <c r="AE74" s="110"/>
      <c r="AF74" s="110"/>
      <c r="AG74" s="110"/>
      <c r="AH74" s="110"/>
      <c r="AI74" s="110"/>
      <c r="AJ74" s="110"/>
      <c r="AK74" s="111"/>
      <c r="AL74" s="111"/>
      <c r="AM74" s="112" t="s">
        <v>447</v>
      </c>
    </row>
    <row r="75" spans="1:39" s="59" customFormat="1" ht="12" customHeight="1">
      <c r="A75" s="248"/>
      <c r="B75" s="249"/>
      <c r="C75" s="249"/>
      <c r="D75" s="249"/>
      <c r="E75" s="249"/>
      <c r="F75" s="318"/>
      <c r="G75" s="52"/>
      <c r="H75" s="53"/>
      <c r="I75" s="52"/>
      <c r="J75" s="53"/>
      <c r="K75" s="54"/>
      <c r="L75" s="54"/>
      <c r="M75" s="55"/>
      <c r="N75" s="55"/>
      <c r="O75" s="56"/>
      <c r="P75" s="52"/>
      <c r="Q75" s="53"/>
      <c r="R75" s="52"/>
      <c r="S75" s="57"/>
      <c r="T75" s="58"/>
      <c r="U75" s="53"/>
      <c r="V75" s="52"/>
      <c r="W75" s="53"/>
      <c r="X75" s="60" t="s">
        <v>642</v>
      </c>
      <c r="Y75" s="60"/>
      <c r="Z75" s="60"/>
      <c r="AA75" s="60"/>
      <c r="AB75" s="61"/>
      <c r="AC75" s="61"/>
      <c r="AD75" s="61"/>
      <c r="AE75" s="61"/>
      <c r="AF75" s="61"/>
      <c r="AG75" s="61"/>
      <c r="AH75" s="61"/>
      <c r="AI75" s="61"/>
      <c r="AJ75" s="61"/>
      <c r="AK75" s="62"/>
      <c r="AL75" s="62"/>
      <c r="AM75" s="63" t="s">
        <v>447</v>
      </c>
    </row>
    <row r="76" spans="1:39" s="59" customFormat="1" ht="9.75" customHeight="1">
      <c r="A76" s="248" t="s">
        <v>19</v>
      </c>
      <c r="B76" s="249"/>
      <c r="C76" s="249"/>
      <c r="D76" s="249"/>
      <c r="E76" s="249"/>
      <c r="F76" s="318"/>
      <c r="G76" s="52"/>
      <c r="H76" s="53" t="s">
        <v>448</v>
      </c>
      <c r="I76" s="52" t="s">
        <v>23</v>
      </c>
      <c r="J76" s="53" t="s">
        <v>449</v>
      </c>
      <c r="K76" s="54" t="s">
        <v>450</v>
      </c>
      <c r="L76" s="54" t="s">
        <v>451</v>
      </c>
      <c r="M76" s="55"/>
      <c r="N76" s="55"/>
      <c r="O76" s="56"/>
      <c r="P76" s="52"/>
      <c r="Q76" s="53"/>
      <c r="R76" s="52" t="s">
        <v>452</v>
      </c>
      <c r="S76" s="57"/>
      <c r="T76" s="58" t="s">
        <v>452</v>
      </c>
      <c r="U76" s="53" t="s">
        <v>22</v>
      </c>
      <c r="V76" s="52"/>
      <c r="W76" s="53" t="s">
        <v>22</v>
      </c>
      <c r="X76" s="60" t="s">
        <v>643</v>
      </c>
      <c r="Y76" s="60"/>
      <c r="Z76" s="60"/>
      <c r="AA76" s="60"/>
      <c r="AB76" s="61"/>
      <c r="AC76" s="61"/>
      <c r="AD76" s="61"/>
      <c r="AE76" s="61"/>
      <c r="AF76" s="61"/>
      <c r="AG76" s="61"/>
      <c r="AH76" s="61"/>
      <c r="AI76" s="61"/>
      <c r="AJ76" s="61"/>
      <c r="AK76" s="62"/>
      <c r="AL76" s="62"/>
      <c r="AM76" s="63" t="s">
        <v>645</v>
      </c>
    </row>
    <row r="77" spans="1:39" s="59" customFormat="1" ht="9.75" customHeight="1">
      <c r="A77" s="248"/>
      <c r="B77" s="249"/>
      <c r="C77" s="249"/>
      <c r="D77" s="249"/>
      <c r="E77" s="249"/>
      <c r="F77" s="318"/>
      <c r="G77" s="52"/>
      <c r="H77" s="53"/>
      <c r="I77" s="52"/>
      <c r="J77" s="53"/>
      <c r="K77" s="54"/>
      <c r="L77" s="54"/>
      <c r="M77" s="55"/>
      <c r="N77" s="55"/>
      <c r="O77" s="56"/>
      <c r="P77" s="52"/>
      <c r="Q77" s="53"/>
      <c r="R77" s="52"/>
      <c r="S77" s="57"/>
      <c r="T77" s="58"/>
      <c r="U77" s="53"/>
      <c r="V77" s="52"/>
      <c r="W77" s="53"/>
      <c r="X77" s="60" t="s">
        <v>644</v>
      </c>
      <c r="Y77" s="60"/>
      <c r="Z77" s="60"/>
      <c r="AA77" s="60"/>
      <c r="AB77" s="61"/>
      <c r="AC77" s="61"/>
      <c r="AD77" s="61"/>
      <c r="AE77" s="61"/>
      <c r="AF77" s="61"/>
      <c r="AG77" s="61"/>
      <c r="AH77" s="61"/>
      <c r="AI77" s="61"/>
      <c r="AJ77" s="61"/>
      <c r="AK77" s="62"/>
      <c r="AL77" s="62"/>
      <c r="AM77" s="63" t="s">
        <v>646</v>
      </c>
    </row>
    <row r="78" spans="1:39" s="59" customFormat="1" ht="9.75" customHeight="1">
      <c r="A78" s="77"/>
      <c r="B78" s="116"/>
      <c r="C78" s="116"/>
      <c r="D78" s="116"/>
      <c r="E78" s="116"/>
      <c r="F78" s="116"/>
      <c r="G78" s="79"/>
      <c r="H78" s="80"/>
      <c r="I78" s="79"/>
      <c r="J78" s="80"/>
      <c r="K78" s="81"/>
      <c r="L78" s="81"/>
      <c r="M78" s="82"/>
      <c r="N78" s="82"/>
      <c r="O78" s="78"/>
      <c r="P78" s="79"/>
      <c r="Q78" s="80"/>
      <c r="R78" s="79"/>
      <c r="S78" s="83"/>
      <c r="T78" s="84"/>
      <c r="U78" s="80"/>
      <c r="V78" s="79"/>
      <c r="W78" s="80"/>
      <c r="X78" s="117"/>
      <c r="Y78" s="117"/>
      <c r="Z78" s="117"/>
      <c r="AA78" s="117"/>
      <c r="AB78" s="118"/>
      <c r="AC78" s="118"/>
      <c r="AD78" s="118"/>
      <c r="AE78" s="118"/>
      <c r="AF78" s="118"/>
      <c r="AG78" s="118"/>
      <c r="AH78" s="118"/>
      <c r="AI78" s="118"/>
      <c r="AJ78" s="118"/>
      <c r="AK78" s="119"/>
      <c r="AL78" s="119"/>
      <c r="AM78" s="63"/>
    </row>
    <row r="79" spans="1:39" ht="9.75" customHeight="1">
      <c r="A79" s="134"/>
      <c r="B79" s="135"/>
      <c r="C79" s="135"/>
      <c r="D79" s="135"/>
      <c r="E79" s="135"/>
      <c r="F79" s="135"/>
      <c r="G79" s="135"/>
      <c r="H79" s="135"/>
      <c r="I79" s="135"/>
      <c r="J79" s="135"/>
      <c r="K79" s="135"/>
      <c r="L79" s="135"/>
      <c r="M79" s="135"/>
      <c r="N79" s="135"/>
      <c r="O79" s="135"/>
      <c r="P79" s="135"/>
      <c r="Q79" s="135"/>
      <c r="R79" s="135"/>
      <c r="S79" s="135"/>
      <c r="T79" s="135"/>
      <c r="U79" s="135"/>
      <c r="V79" s="135"/>
      <c r="W79" s="135"/>
      <c r="X79" s="136"/>
      <c r="Y79" s="136"/>
      <c r="Z79" s="136"/>
      <c r="AA79" s="136"/>
      <c r="AB79" s="136"/>
      <c r="AC79" s="136"/>
      <c r="AD79" s="136"/>
      <c r="AE79" s="136"/>
      <c r="AF79" s="136"/>
      <c r="AG79" s="136"/>
      <c r="AH79" s="136"/>
      <c r="AI79" s="136"/>
      <c r="AJ79" s="136"/>
      <c r="AK79" s="136"/>
      <c r="AL79" s="136"/>
      <c r="AM79" s="137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63">
    <mergeCell ref="A75:F75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6:D28"/>
    <mergeCell ref="C26:C28"/>
    <mergeCell ref="D35:D37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5:C37"/>
    <mergeCell ref="D44:D46"/>
    <mergeCell ref="C44:C46"/>
    <mergeCell ref="D50:D52"/>
    <mergeCell ref="C50:C52"/>
    <mergeCell ref="D56:D58"/>
    <mergeCell ref="C56:C58"/>
    <mergeCell ref="D68:D70"/>
    <mergeCell ref="C68:C70"/>
    <mergeCell ref="F17:F19"/>
    <mergeCell ref="E17:E19"/>
    <mergeCell ref="F29:F31"/>
    <mergeCell ref="E29:E31"/>
    <mergeCell ref="F38:F40"/>
    <mergeCell ref="E38:E40"/>
    <mergeCell ref="F47:F49"/>
    <mergeCell ref="E47:E49"/>
    <mergeCell ref="F53:F55"/>
    <mergeCell ref="E53:E55"/>
    <mergeCell ref="F59:F61"/>
    <mergeCell ref="E59:E61"/>
    <mergeCell ref="A77:F77"/>
    <mergeCell ref="A76:F76"/>
    <mergeCell ref="O41:O43"/>
    <mergeCell ref="N41:N43"/>
    <mergeCell ref="O20:O22"/>
    <mergeCell ref="N20:N22"/>
    <mergeCell ref="O23:O25"/>
    <mergeCell ref="N23:N25"/>
    <mergeCell ref="O32:O34"/>
    <mergeCell ref="N32:N34"/>
    <mergeCell ref="F62:F64"/>
    <mergeCell ref="E62:E64"/>
    <mergeCell ref="F65:F67"/>
    <mergeCell ref="E65:E67"/>
    <mergeCell ref="F71:F73"/>
    <mergeCell ref="E71:E73"/>
  </mergeCells>
  <phoneticPr fontId="1"/>
  <pageMargins left="0.43307086614173229" right="0.39370078740157483" top="0.19685039370078741" bottom="0" header="0.19685039370078741" footer="0.19685039370078741"/>
  <pageSetup paperSize="9" firstPageNumber="290" pageOrder="overThenDown" orientation="portrait" useFirstPageNumber="1" r:id="rId1"/>
  <headerFooter>
    <oddFooter>&amp;C- &amp;P -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170"/>
  <sheetViews>
    <sheetView zoomScaleNormal="100"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246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314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448</v>
      </c>
      <c r="I11" s="52" t="s">
        <v>23</v>
      </c>
      <c r="J11" s="53" t="s">
        <v>449</v>
      </c>
      <c r="K11" s="183" t="s">
        <v>450</v>
      </c>
      <c r="L11" s="52"/>
      <c r="M11" s="205" t="s">
        <v>22</v>
      </c>
      <c r="N11" s="54" t="s">
        <v>451</v>
      </c>
      <c r="O11" s="55"/>
      <c r="P11" s="228"/>
      <c r="Q11" s="294"/>
      <c r="R11" s="52"/>
      <c r="S11" s="55"/>
      <c r="T11" s="204" t="s">
        <v>1197</v>
      </c>
      <c r="U11" s="55"/>
      <c r="V11" s="53" t="s">
        <v>22</v>
      </c>
      <c r="W11" s="54" t="s">
        <v>1196</v>
      </c>
      <c r="X11" s="54" t="s">
        <v>22</v>
      </c>
      <c r="Y11" s="54" t="s">
        <v>1195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30" t="s">
        <v>1313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312</v>
      </c>
      <c r="I14" s="169" t="s">
        <v>23</v>
      </c>
      <c r="J14" s="44" t="s">
        <v>1311</v>
      </c>
      <c r="K14" s="192" t="s">
        <v>1310</v>
      </c>
      <c r="L14" s="169"/>
      <c r="M14" s="191" t="s">
        <v>22</v>
      </c>
      <c r="N14" s="45" t="s">
        <v>1309</v>
      </c>
      <c r="O14" s="168"/>
      <c r="P14" s="168"/>
      <c r="Q14" s="170"/>
      <c r="R14" s="169"/>
      <c r="S14" s="168"/>
      <c r="T14" s="190" t="s">
        <v>1308</v>
      </c>
      <c r="U14" s="168"/>
      <c r="V14" s="44" t="s">
        <v>22</v>
      </c>
      <c r="W14" s="45" t="s">
        <v>1307</v>
      </c>
      <c r="X14" s="45" t="s">
        <v>22</v>
      </c>
      <c r="Y14" s="45" t="s">
        <v>1306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1313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1312</v>
      </c>
      <c r="I17" s="169" t="s">
        <v>23</v>
      </c>
      <c r="J17" s="44" t="s">
        <v>1311</v>
      </c>
      <c r="K17" s="192" t="s">
        <v>1310</v>
      </c>
      <c r="L17" s="169"/>
      <c r="M17" s="191" t="s">
        <v>22</v>
      </c>
      <c r="N17" s="45" t="s">
        <v>1309</v>
      </c>
      <c r="O17" s="168"/>
      <c r="P17" s="168"/>
      <c r="Q17" s="170"/>
      <c r="R17" s="169"/>
      <c r="S17" s="168"/>
      <c r="T17" s="190" t="s">
        <v>1308</v>
      </c>
      <c r="U17" s="168"/>
      <c r="V17" s="44" t="s">
        <v>22</v>
      </c>
      <c r="W17" s="45" t="s">
        <v>1307</v>
      </c>
      <c r="X17" s="45" t="s">
        <v>22</v>
      </c>
      <c r="Y17" s="45" t="s">
        <v>1306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25</v>
      </c>
      <c r="Q19" s="221" t="s">
        <v>1259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305</v>
      </c>
      <c r="T20" s="190" t="s">
        <v>1305</v>
      </c>
      <c r="U20" s="168"/>
      <c r="V20" s="44" t="s">
        <v>22</v>
      </c>
      <c r="W20" s="45" t="s">
        <v>22</v>
      </c>
      <c r="X20" s="45" t="s">
        <v>22</v>
      </c>
      <c r="Y20" s="45" t="s">
        <v>2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94"/>
      <c r="E22" s="169"/>
      <c r="F22" s="41"/>
      <c r="G22" s="169"/>
      <c r="H22" s="44"/>
      <c r="I22" s="169"/>
      <c r="J22" s="44"/>
      <c r="K22" s="192"/>
      <c r="L22" s="169"/>
      <c r="M22" s="191"/>
      <c r="N22" s="45"/>
      <c r="O22" s="168"/>
      <c r="P22" s="227" t="s">
        <v>26</v>
      </c>
      <c r="Q22" s="221" t="s">
        <v>1257</v>
      </c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4"/>
      <c r="E23" s="169"/>
      <c r="F23" s="41"/>
      <c r="G23" s="169"/>
      <c r="H23" s="44"/>
      <c r="I23" s="169"/>
      <c r="J23" s="44"/>
      <c r="K23" s="192"/>
      <c r="L23" s="169"/>
      <c r="M23" s="191"/>
      <c r="N23" s="45"/>
      <c r="O23" s="168"/>
      <c r="P23" s="228"/>
      <c r="Q23" s="222"/>
      <c r="R23" s="169"/>
      <c r="S23" s="168" t="s">
        <v>1304</v>
      </c>
      <c r="T23" s="190" t="s">
        <v>1304</v>
      </c>
      <c r="U23" s="168"/>
      <c r="V23" s="44" t="s">
        <v>22</v>
      </c>
      <c r="W23" s="45" t="s">
        <v>22</v>
      </c>
      <c r="X23" s="45" t="s">
        <v>22</v>
      </c>
      <c r="Y23" s="45" t="s">
        <v>22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4"/>
      <c r="E24" s="169"/>
      <c r="F24" s="41"/>
      <c r="G24" s="169"/>
      <c r="H24" s="44"/>
      <c r="I24" s="169"/>
      <c r="J24" s="44"/>
      <c r="K24" s="192"/>
      <c r="L24" s="169"/>
      <c r="M24" s="191"/>
      <c r="N24" s="45"/>
      <c r="O24" s="168"/>
      <c r="P24" s="229"/>
      <c r="Q24" s="223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4"/>
      <c r="E25" s="169"/>
      <c r="F25" s="41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31</v>
      </c>
      <c r="Q25" s="221" t="s">
        <v>900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4"/>
      <c r="E26" s="169"/>
      <c r="F26" s="41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1303</v>
      </c>
      <c r="T26" s="190" t="s">
        <v>1302</v>
      </c>
      <c r="U26" s="168"/>
      <c r="V26" s="44" t="s">
        <v>22</v>
      </c>
      <c r="W26" s="45" t="s">
        <v>22</v>
      </c>
      <c r="X26" s="45" t="s">
        <v>22</v>
      </c>
      <c r="Y26" s="45" t="s">
        <v>1301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4"/>
      <c r="E27" s="169"/>
      <c r="F27" s="41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41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5</v>
      </c>
      <c r="Q28" s="221" t="s">
        <v>788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41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300</v>
      </c>
      <c r="T29" s="190" t="s">
        <v>1299</v>
      </c>
      <c r="U29" s="168"/>
      <c r="V29" s="44" t="s">
        <v>22</v>
      </c>
      <c r="W29" s="45" t="s">
        <v>22</v>
      </c>
      <c r="X29" s="45" t="s">
        <v>22</v>
      </c>
      <c r="Y29" s="45" t="s">
        <v>1298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41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7</v>
      </c>
      <c r="Q31" s="221" t="s">
        <v>786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89</v>
      </c>
      <c r="T32" s="190" t="s">
        <v>1297</v>
      </c>
      <c r="U32" s="168"/>
      <c r="V32" s="44" t="s">
        <v>22</v>
      </c>
      <c r="W32" s="45" t="s">
        <v>22</v>
      </c>
      <c r="X32" s="45" t="s">
        <v>22</v>
      </c>
      <c r="Y32" s="45" t="s">
        <v>1296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9</v>
      </c>
      <c r="Q34" s="221" t="s">
        <v>704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295</v>
      </c>
      <c r="T35" s="190" t="s">
        <v>1294</v>
      </c>
      <c r="U35" s="168"/>
      <c r="V35" s="44" t="s">
        <v>22</v>
      </c>
      <c r="W35" s="45" t="s">
        <v>22</v>
      </c>
      <c r="X35" s="45" t="s">
        <v>22</v>
      </c>
      <c r="Y35" s="45" t="s">
        <v>1293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40</v>
      </c>
      <c r="Q37" s="221" t="s">
        <v>700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1292</v>
      </c>
      <c r="T38" s="190" t="s">
        <v>1291</v>
      </c>
      <c r="U38" s="168"/>
      <c r="V38" s="44" t="s">
        <v>22</v>
      </c>
      <c r="W38" s="45" t="s">
        <v>22</v>
      </c>
      <c r="X38" s="45" t="s">
        <v>22</v>
      </c>
      <c r="Y38" s="45" t="s">
        <v>1290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79</v>
      </c>
      <c r="Q40" s="221" t="s">
        <v>699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1289</v>
      </c>
      <c r="T41" s="190" t="s">
        <v>1288</v>
      </c>
      <c r="U41" s="168"/>
      <c r="V41" s="44" t="s">
        <v>22</v>
      </c>
      <c r="W41" s="45" t="s">
        <v>1287</v>
      </c>
      <c r="X41" s="45" t="s">
        <v>22</v>
      </c>
      <c r="Y41" s="45" t="s">
        <v>1286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4"/>
      <c r="E42" s="169"/>
      <c r="F42" s="41"/>
      <c r="G42" s="169"/>
      <c r="H42" s="44"/>
      <c r="I42" s="169"/>
      <c r="J42" s="44"/>
      <c r="K42" s="192"/>
      <c r="L42" s="169"/>
      <c r="M42" s="191"/>
      <c r="N42" s="45"/>
      <c r="O42" s="168"/>
      <c r="P42" s="229"/>
      <c r="Q42" s="223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41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100</v>
      </c>
      <c r="Q43" s="230" t="s">
        <v>695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41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1285</v>
      </c>
      <c r="T44" s="190" t="s">
        <v>1284</v>
      </c>
      <c r="U44" s="168"/>
      <c r="V44" s="44" t="s">
        <v>22</v>
      </c>
      <c r="W44" s="45" t="s">
        <v>22</v>
      </c>
      <c r="X44" s="45" t="s">
        <v>22</v>
      </c>
      <c r="Y44" s="45" t="s">
        <v>1283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4"/>
      <c r="E45" s="169"/>
      <c r="F45" s="41"/>
      <c r="G45" s="169"/>
      <c r="H45" s="44"/>
      <c r="I45" s="169"/>
      <c r="J45" s="44"/>
      <c r="K45" s="192"/>
      <c r="L45" s="169"/>
      <c r="M45" s="191"/>
      <c r="N45" s="45"/>
      <c r="O45" s="168"/>
      <c r="P45" s="229"/>
      <c r="Q45" s="223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41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875</v>
      </c>
      <c r="Q46" s="221" t="s">
        <v>874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41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1282</v>
      </c>
      <c r="T47" s="190" t="s">
        <v>1281</v>
      </c>
      <c r="U47" s="168"/>
      <c r="V47" s="44" t="s">
        <v>22</v>
      </c>
      <c r="W47" s="45" t="s">
        <v>1280</v>
      </c>
      <c r="X47" s="45" t="s">
        <v>22</v>
      </c>
      <c r="Y47" s="45" t="s">
        <v>1279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41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41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680</v>
      </c>
      <c r="Q49" s="230" t="s">
        <v>679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41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1278</v>
      </c>
      <c r="T50" s="190" t="s">
        <v>1277</v>
      </c>
      <c r="U50" s="168"/>
      <c r="V50" s="44" t="s">
        <v>22</v>
      </c>
      <c r="W50" s="45" t="s">
        <v>22</v>
      </c>
      <c r="X50" s="45" t="s">
        <v>22</v>
      </c>
      <c r="Y50" s="45" t="s">
        <v>1276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4"/>
      <c r="E51" s="169"/>
      <c r="F51" s="41"/>
      <c r="G51" s="169"/>
      <c r="H51" s="44"/>
      <c r="I51" s="169"/>
      <c r="J51" s="44"/>
      <c r="K51" s="192"/>
      <c r="L51" s="169"/>
      <c r="M51" s="191"/>
      <c r="N51" s="45"/>
      <c r="O51" s="168"/>
      <c r="P51" s="229"/>
      <c r="Q51" s="223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94"/>
      <c r="E52" s="169"/>
      <c r="F52" s="41"/>
      <c r="G52" s="169"/>
      <c r="H52" s="44"/>
      <c r="I52" s="169"/>
      <c r="J52" s="44"/>
      <c r="K52" s="192"/>
      <c r="L52" s="169"/>
      <c r="M52" s="191"/>
      <c r="N52" s="45"/>
      <c r="O52" s="168"/>
      <c r="P52" s="227" t="s">
        <v>854</v>
      </c>
      <c r="Q52" s="230" t="s">
        <v>1275</v>
      </c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4"/>
      <c r="E53" s="169"/>
      <c r="F53" s="41"/>
      <c r="G53" s="169"/>
      <c r="H53" s="44"/>
      <c r="I53" s="169"/>
      <c r="J53" s="44"/>
      <c r="K53" s="192"/>
      <c r="L53" s="169"/>
      <c r="M53" s="191"/>
      <c r="N53" s="45"/>
      <c r="O53" s="168"/>
      <c r="P53" s="228"/>
      <c r="Q53" s="222"/>
      <c r="R53" s="169"/>
      <c r="S53" s="168" t="s">
        <v>1274</v>
      </c>
      <c r="T53" s="190" t="s">
        <v>1273</v>
      </c>
      <c r="U53" s="168"/>
      <c r="V53" s="44" t="s">
        <v>22</v>
      </c>
      <c r="W53" s="45" t="s">
        <v>22</v>
      </c>
      <c r="X53" s="45" t="s">
        <v>22</v>
      </c>
      <c r="Y53" s="45" t="s">
        <v>1272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69"/>
      <c r="D54" s="194"/>
      <c r="E54" s="169"/>
      <c r="F54" s="41"/>
      <c r="G54" s="169"/>
      <c r="H54" s="44"/>
      <c r="I54" s="169"/>
      <c r="J54" s="44"/>
      <c r="K54" s="192"/>
      <c r="L54" s="169"/>
      <c r="M54" s="191"/>
      <c r="N54" s="45"/>
      <c r="O54" s="168"/>
      <c r="P54" s="229"/>
      <c r="Q54" s="223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94"/>
      <c r="E55" s="169"/>
      <c r="F55" s="41"/>
      <c r="G55" s="169"/>
      <c r="H55" s="44"/>
      <c r="I55" s="169"/>
      <c r="J55" s="44"/>
      <c r="K55" s="192"/>
      <c r="L55" s="169"/>
      <c r="M55" s="191"/>
      <c r="N55" s="45"/>
      <c r="O55" s="168"/>
      <c r="P55" s="227" t="s">
        <v>749</v>
      </c>
      <c r="Q55" s="230" t="s">
        <v>748</v>
      </c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4"/>
      <c r="E56" s="169"/>
      <c r="F56" s="41"/>
      <c r="G56" s="169"/>
      <c r="H56" s="44"/>
      <c r="I56" s="169"/>
      <c r="J56" s="44"/>
      <c r="K56" s="192"/>
      <c r="L56" s="169"/>
      <c r="M56" s="191"/>
      <c r="N56" s="45"/>
      <c r="O56" s="168"/>
      <c r="P56" s="228"/>
      <c r="Q56" s="222"/>
      <c r="R56" s="169"/>
      <c r="S56" s="168" t="s">
        <v>64</v>
      </c>
      <c r="T56" s="190" t="s">
        <v>64</v>
      </c>
      <c r="U56" s="168"/>
      <c r="V56" s="44" t="s">
        <v>22</v>
      </c>
      <c r="W56" s="45" t="s">
        <v>22</v>
      </c>
      <c r="X56" s="45" t="s">
        <v>22</v>
      </c>
      <c r="Y56" s="45" t="s">
        <v>22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69"/>
      <c r="D57" s="194"/>
      <c r="E57" s="169"/>
      <c r="F57" s="41"/>
      <c r="G57" s="169"/>
      <c r="H57" s="44"/>
      <c r="I57" s="169"/>
      <c r="J57" s="44"/>
      <c r="K57" s="192"/>
      <c r="L57" s="169"/>
      <c r="M57" s="191"/>
      <c r="N57" s="45"/>
      <c r="O57" s="168"/>
      <c r="P57" s="229"/>
      <c r="Q57" s="223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4"/>
      <c r="C58" s="169"/>
      <c r="D58" s="194"/>
      <c r="E58" s="169"/>
      <c r="F58" s="41"/>
      <c r="G58" s="169"/>
      <c r="H58" s="44"/>
      <c r="I58" s="169"/>
      <c r="J58" s="44"/>
      <c r="K58" s="192"/>
      <c r="L58" s="169"/>
      <c r="M58" s="191"/>
      <c r="N58" s="45"/>
      <c r="O58" s="168"/>
      <c r="P58" s="227" t="s">
        <v>1219</v>
      </c>
      <c r="Q58" s="221" t="s">
        <v>1218</v>
      </c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4"/>
      <c r="C59" s="169"/>
      <c r="D59" s="194"/>
      <c r="E59" s="169"/>
      <c r="F59" s="41"/>
      <c r="G59" s="169"/>
      <c r="H59" s="44"/>
      <c r="I59" s="169"/>
      <c r="J59" s="44"/>
      <c r="K59" s="192"/>
      <c r="L59" s="169"/>
      <c r="M59" s="191"/>
      <c r="N59" s="45"/>
      <c r="O59" s="168"/>
      <c r="P59" s="228"/>
      <c r="Q59" s="222"/>
      <c r="R59" s="169"/>
      <c r="S59" s="168" t="s">
        <v>1271</v>
      </c>
      <c r="T59" s="190" t="s">
        <v>1270</v>
      </c>
      <c r="U59" s="168"/>
      <c r="V59" s="44" t="s">
        <v>22</v>
      </c>
      <c r="W59" s="45" t="s">
        <v>22</v>
      </c>
      <c r="X59" s="45" t="s">
        <v>22</v>
      </c>
      <c r="Y59" s="45" t="s">
        <v>1269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4"/>
      <c r="C60" s="172"/>
      <c r="D60" s="203"/>
      <c r="E60" s="172"/>
      <c r="F60" s="90"/>
      <c r="G60" s="172"/>
      <c r="H60" s="92"/>
      <c r="I60" s="172"/>
      <c r="J60" s="92"/>
      <c r="K60" s="202"/>
      <c r="L60" s="172"/>
      <c r="M60" s="201"/>
      <c r="N60" s="48"/>
      <c r="O60" s="174"/>
      <c r="P60" s="229"/>
      <c r="Q60" s="223"/>
      <c r="R60" s="172"/>
      <c r="S60" s="174"/>
      <c r="T60" s="200"/>
      <c r="U60" s="174"/>
      <c r="V60" s="92"/>
      <c r="W60" s="48"/>
      <c r="X60" s="48"/>
      <c r="Y60" s="48"/>
      <c r="Z60" s="199"/>
      <c r="AA60" s="95"/>
      <c r="AB60" s="95"/>
      <c r="AC60" s="95"/>
      <c r="AD60" s="96"/>
      <c r="AE60" s="97"/>
      <c r="AF60" s="97"/>
      <c r="AG60" s="97"/>
      <c r="AH60" s="95"/>
      <c r="AI60" s="95"/>
      <c r="AJ60" s="95"/>
      <c r="AK60" s="95"/>
      <c r="AL60" s="96"/>
      <c r="AM60" s="97"/>
      <c r="AN60" s="97"/>
      <c r="AO60" s="98"/>
    </row>
    <row r="61" spans="1:41" s="59" customFormat="1" ht="9.75" customHeight="1">
      <c r="A61" s="40"/>
      <c r="B61" s="170"/>
      <c r="C61" s="218" t="s">
        <v>25</v>
      </c>
      <c r="D61" s="230" t="s">
        <v>1268</v>
      </c>
      <c r="E61" s="162"/>
      <c r="F61" s="163"/>
      <c r="G61" s="162"/>
      <c r="H61" s="69"/>
      <c r="I61" s="162"/>
      <c r="J61" s="69"/>
      <c r="K61" s="198"/>
      <c r="L61" s="162"/>
      <c r="M61" s="197"/>
      <c r="N61" s="70"/>
      <c r="O61" s="167"/>
      <c r="P61" s="167"/>
      <c r="Q61" s="68"/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3"/>
      <c r="C62" s="219"/>
      <c r="D62" s="222"/>
      <c r="E62" s="169"/>
      <c r="F62" s="170"/>
      <c r="G62" s="169"/>
      <c r="H62" s="44" t="s">
        <v>1267</v>
      </c>
      <c r="I62" s="169" t="s">
        <v>23</v>
      </c>
      <c r="J62" s="44" t="s">
        <v>1266</v>
      </c>
      <c r="K62" s="192" t="s">
        <v>1265</v>
      </c>
      <c r="L62" s="169"/>
      <c r="M62" s="191" t="s">
        <v>22</v>
      </c>
      <c r="N62" s="45" t="s">
        <v>1264</v>
      </c>
      <c r="O62" s="168"/>
      <c r="P62" s="168"/>
      <c r="Q62" s="41"/>
      <c r="R62" s="169"/>
      <c r="S62" s="168"/>
      <c r="T62" s="190" t="s">
        <v>1263</v>
      </c>
      <c r="U62" s="168"/>
      <c r="V62" s="44" t="s">
        <v>22</v>
      </c>
      <c r="W62" s="45" t="s">
        <v>1262</v>
      </c>
      <c r="X62" s="45" t="s">
        <v>22</v>
      </c>
      <c r="Y62" s="45" t="s">
        <v>1261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3"/>
      <c r="C63" s="219"/>
      <c r="D63" s="222"/>
      <c r="E63" s="169"/>
      <c r="F63" s="170"/>
      <c r="G63" s="169"/>
      <c r="H63" s="44"/>
      <c r="I63" s="169"/>
      <c r="J63" s="44"/>
      <c r="K63" s="192"/>
      <c r="L63" s="169"/>
      <c r="M63" s="191"/>
      <c r="N63" s="45"/>
      <c r="O63" s="168"/>
      <c r="P63" s="168"/>
      <c r="Q63" s="41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4"/>
      <c r="C64" s="169"/>
      <c r="D64" s="170"/>
      <c r="E64" s="218" t="s">
        <v>21</v>
      </c>
      <c r="F64" s="230" t="s">
        <v>1268</v>
      </c>
      <c r="G64" s="162"/>
      <c r="H64" s="69"/>
      <c r="I64" s="162"/>
      <c r="J64" s="69"/>
      <c r="K64" s="198"/>
      <c r="L64" s="162"/>
      <c r="M64" s="197"/>
      <c r="N64" s="70"/>
      <c r="O64" s="167"/>
      <c r="P64" s="167"/>
      <c r="Q64" s="68"/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4"/>
      <c r="C65" s="169"/>
      <c r="D65" s="193"/>
      <c r="E65" s="219"/>
      <c r="F65" s="222"/>
      <c r="G65" s="169"/>
      <c r="H65" s="44" t="s">
        <v>1267</v>
      </c>
      <c r="I65" s="169" t="s">
        <v>23</v>
      </c>
      <c r="J65" s="44" t="s">
        <v>1266</v>
      </c>
      <c r="K65" s="192" t="s">
        <v>1265</v>
      </c>
      <c r="L65" s="169"/>
      <c r="M65" s="191" t="s">
        <v>22</v>
      </c>
      <c r="N65" s="45" t="s">
        <v>1264</v>
      </c>
      <c r="O65" s="168"/>
      <c r="P65" s="168"/>
      <c r="Q65" s="170"/>
      <c r="R65" s="169"/>
      <c r="S65" s="168"/>
      <c r="T65" s="190" t="s">
        <v>1263</v>
      </c>
      <c r="U65" s="168"/>
      <c r="V65" s="44" t="s">
        <v>22</v>
      </c>
      <c r="W65" s="45" t="s">
        <v>1262</v>
      </c>
      <c r="X65" s="45" t="s">
        <v>22</v>
      </c>
      <c r="Y65" s="45" t="s">
        <v>1261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4"/>
      <c r="C66" s="169"/>
      <c r="D66" s="193"/>
      <c r="E66" s="219"/>
      <c r="F66" s="222"/>
      <c r="G66" s="169"/>
      <c r="H66" s="44"/>
      <c r="I66" s="169"/>
      <c r="J66" s="44"/>
      <c r="K66" s="192"/>
      <c r="L66" s="169"/>
      <c r="M66" s="191"/>
      <c r="N66" s="45"/>
      <c r="O66" s="168"/>
      <c r="P66" s="168"/>
      <c r="Q66" s="170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40"/>
      <c r="B67" s="194"/>
      <c r="C67" s="169"/>
      <c r="D67" s="194"/>
      <c r="E67" s="169"/>
      <c r="F67" s="170"/>
      <c r="G67" s="169"/>
      <c r="H67" s="44"/>
      <c r="I67" s="169"/>
      <c r="J67" s="44"/>
      <c r="K67" s="192"/>
      <c r="L67" s="169"/>
      <c r="M67" s="191"/>
      <c r="N67" s="45"/>
      <c r="O67" s="168"/>
      <c r="P67" s="227" t="s">
        <v>21</v>
      </c>
      <c r="Q67" s="221" t="s">
        <v>938</v>
      </c>
      <c r="R67" s="162"/>
      <c r="S67" s="167"/>
      <c r="T67" s="196"/>
      <c r="U67" s="167"/>
      <c r="V67" s="69"/>
      <c r="W67" s="70"/>
      <c r="X67" s="70"/>
      <c r="Y67" s="70"/>
      <c r="Z67" s="195" t="s">
        <v>1</v>
      </c>
      <c r="AA67" s="74"/>
      <c r="AB67" s="74"/>
      <c r="AC67" s="74"/>
      <c r="AD67" s="75"/>
      <c r="AE67" s="25"/>
      <c r="AF67" s="25"/>
      <c r="AG67" s="25"/>
      <c r="AH67" s="74"/>
      <c r="AI67" s="74"/>
      <c r="AJ67" s="74"/>
      <c r="AK67" s="74"/>
      <c r="AL67" s="75"/>
      <c r="AM67" s="25"/>
      <c r="AN67" s="25"/>
      <c r="AO67" s="32"/>
    </row>
    <row r="68" spans="1:41" s="59" customFormat="1" ht="9.75" customHeight="1">
      <c r="A68" s="40"/>
      <c r="B68" s="194"/>
      <c r="C68" s="169"/>
      <c r="D68" s="194"/>
      <c r="E68" s="169"/>
      <c r="F68" s="170"/>
      <c r="G68" s="169"/>
      <c r="H68" s="44"/>
      <c r="I68" s="169"/>
      <c r="J68" s="44"/>
      <c r="K68" s="192"/>
      <c r="L68" s="169"/>
      <c r="M68" s="191"/>
      <c r="N68" s="45"/>
      <c r="O68" s="168"/>
      <c r="P68" s="228"/>
      <c r="Q68" s="222"/>
      <c r="R68" s="169"/>
      <c r="S68" s="168" t="s">
        <v>1260</v>
      </c>
      <c r="T68" s="190" t="s">
        <v>22</v>
      </c>
      <c r="U68" s="168"/>
      <c r="V68" s="44" t="s">
        <v>22</v>
      </c>
      <c r="W68" s="45" t="s">
        <v>22</v>
      </c>
      <c r="X68" s="45" t="s">
        <v>22</v>
      </c>
      <c r="Y68" s="45" t="s">
        <v>1260</v>
      </c>
      <c r="Z68" s="189"/>
      <c r="AA68" s="33"/>
      <c r="AB68" s="33"/>
      <c r="AC68" s="33"/>
      <c r="AD68" s="34"/>
      <c r="AE68" s="35"/>
      <c r="AF68" s="35"/>
      <c r="AG68" s="35"/>
      <c r="AH68" s="33"/>
      <c r="AI68" s="33"/>
      <c r="AJ68" s="33"/>
      <c r="AK68" s="33"/>
      <c r="AL68" s="34"/>
      <c r="AM68" s="35"/>
      <c r="AN68" s="35"/>
      <c r="AO68" s="36"/>
    </row>
    <row r="69" spans="1:41" s="59" customFormat="1" ht="9.75" customHeight="1">
      <c r="A69" s="40"/>
      <c r="B69" s="194"/>
      <c r="C69" s="169"/>
      <c r="D69" s="194"/>
      <c r="E69" s="169"/>
      <c r="F69" s="170"/>
      <c r="G69" s="169"/>
      <c r="H69" s="44"/>
      <c r="I69" s="169"/>
      <c r="J69" s="44"/>
      <c r="K69" s="192"/>
      <c r="L69" s="169"/>
      <c r="M69" s="191"/>
      <c r="N69" s="45"/>
      <c r="O69" s="168"/>
      <c r="P69" s="229"/>
      <c r="Q69" s="223"/>
      <c r="R69" s="169"/>
      <c r="S69" s="168"/>
      <c r="T69" s="190"/>
      <c r="U69" s="168"/>
      <c r="V69" s="44"/>
      <c r="W69" s="45"/>
      <c r="X69" s="45"/>
      <c r="Y69" s="45"/>
      <c r="Z69" s="189"/>
      <c r="AA69" s="33"/>
      <c r="AB69" s="33"/>
      <c r="AC69" s="33"/>
      <c r="AD69" s="34"/>
      <c r="AE69" s="35"/>
      <c r="AF69" s="35"/>
      <c r="AG69" s="35"/>
      <c r="AH69" s="33"/>
      <c r="AI69" s="33"/>
      <c r="AJ69" s="33"/>
      <c r="AK69" s="33"/>
      <c r="AL69" s="34"/>
      <c r="AM69" s="35"/>
      <c r="AN69" s="35"/>
      <c r="AO69" s="36"/>
    </row>
    <row r="70" spans="1:41" s="59" customFormat="1" ht="9.75" customHeight="1">
      <c r="A70" s="40"/>
      <c r="B70" s="194"/>
      <c r="C70" s="169"/>
      <c r="D70" s="194"/>
      <c r="E70" s="169"/>
      <c r="F70" s="41"/>
      <c r="G70" s="169"/>
      <c r="H70" s="44"/>
      <c r="I70" s="169"/>
      <c r="J70" s="44"/>
      <c r="K70" s="192"/>
      <c r="L70" s="169"/>
      <c r="M70" s="191"/>
      <c r="N70" s="45"/>
      <c r="O70" s="168"/>
      <c r="P70" s="227" t="s">
        <v>25</v>
      </c>
      <c r="Q70" s="221" t="s">
        <v>1259</v>
      </c>
      <c r="R70" s="162"/>
      <c r="S70" s="167"/>
      <c r="T70" s="196"/>
      <c r="U70" s="167"/>
      <c r="V70" s="69"/>
      <c r="W70" s="70"/>
      <c r="X70" s="70"/>
      <c r="Y70" s="70"/>
      <c r="Z70" s="195" t="s">
        <v>1</v>
      </c>
      <c r="AA70" s="74"/>
      <c r="AB70" s="74"/>
      <c r="AC70" s="74"/>
      <c r="AD70" s="75"/>
      <c r="AE70" s="25"/>
      <c r="AF70" s="25"/>
      <c r="AG70" s="25"/>
      <c r="AH70" s="74"/>
      <c r="AI70" s="74"/>
      <c r="AJ70" s="74"/>
      <c r="AK70" s="74"/>
      <c r="AL70" s="75"/>
      <c r="AM70" s="25"/>
      <c r="AN70" s="25"/>
      <c r="AO70" s="32"/>
    </row>
    <row r="71" spans="1:41" s="59" customFormat="1" ht="9.75" customHeight="1">
      <c r="A71" s="40"/>
      <c r="B71" s="194"/>
      <c r="C71" s="169"/>
      <c r="D71" s="194"/>
      <c r="E71" s="169"/>
      <c r="F71" s="41"/>
      <c r="G71" s="169"/>
      <c r="H71" s="44"/>
      <c r="I71" s="169"/>
      <c r="J71" s="44"/>
      <c r="K71" s="192"/>
      <c r="L71" s="169"/>
      <c r="M71" s="191"/>
      <c r="N71" s="45"/>
      <c r="O71" s="168"/>
      <c r="P71" s="228"/>
      <c r="Q71" s="222"/>
      <c r="R71" s="169"/>
      <c r="S71" s="168" t="s">
        <v>1258</v>
      </c>
      <c r="T71" s="190" t="s">
        <v>1258</v>
      </c>
      <c r="U71" s="168"/>
      <c r="V71" s="44" t="s">
        <v>22</v>
      </c>
      <c r="W71" s="45" t="s">
        <v>22</v>
      </c>
      <c r="X71" s="45" t="s">
        <v>22</v>
      </c>
      <c r="Y71" s="45" t="s">
        <v>22</v>
      </c>
      <c r="Z71" s="189"/>
      <c r="AA71" s="33"/>
      <c r="AB71" s="33"/>
      <c r="AC71" s="33"/>
      <c r="AD71" s="34"/>
      <c r="AE71" s="35"/>
      <c r="AF71" s="35"/>
      <c r="AG71" s="35"/>
      <c r="AH71" s="33"/>
      <c r="AI71" s="33"/>
      <c r="AJ71" s="33"/>
      <c r="AK71" s="33"/>
      <c r="AL71" s="34"/>
      <c r="AM71" s="35"/>
      <c r="AN71" s="35"/>
      <c r="AO71" s="36"/>
    </row>
    <row r="72" spans="1:41" s="59" customFormat="1" ht="9.75" customHeight="1">
      <c r="A72" s="40"/>
      <c r="B72" s="194"/>
      <c r="C72" s="169"/>
      <c r="D72" s="194"/>
      <c r="E72" s="169"/>
      <c r="F72" s="41"/>
      <c r="G72" s="169"/>
      <c r="H72" s="44"/>
      <c r="I72" s="169"/>
      <c r="J72" s="44"/>
      <c r="K72" s="192"/>
      <c r="L72" s="169"/>
      <c r="M72" s="191"/>
      <c r="N72" s="45"/>
      <c r="O72" s="168"/>
      <c r="P72" s="229"/>
      <c r="Q72" s="223"/>
      <c r="R72" s="169"/>
      <c r="S72" s="168"/>
      <c r="T72" s="190"/>
      <c r="U72" s="168"/>
      <c r="V72" s="44"/>
      <c r="W72" s="45"/>
      <c r="X72" s="45"/>
      <c r="Y72" s="45"/>
      <c r="Z72" s="189"/>
      <c r="AA72" s="33"/>
      <c r="AB72" s="33"/>
      <c r="AC72" s="33"/>
      <c r="AD72" s="34"/>
      <c r="AE72" s="35"/>
      <c r="AF72" s="35"/>
      <c r="AG72" s="35"/>
      <c r="AH72" s="33"/>
      <c r="AI72" s="33"/>
      <c r="AJ72" s="33"/>
      <c r="AK72" s="33"/>
      <c r="AL72" s="34"/>
      <c r="AM72" s="35"/>
      <c r="AN72" s="35"/>
      <c r="AO72" s="36"/>
    </row>
    <row r="73" spans="1:41" s="59" customFormat="1" ht="9.75" customHeight="1">
      <c r="A73" s="40"/>
      <c r="B73" s="194"/>
      <c r="C73" s="169"/>
      <c r="D73" s="194"/>
      <c r="E73" s="169"/>
      <c r="F73" s="41"/>
      <c r="G73" s="169"/>
      <c r="H73" s="44"/>
      <c r="I73" s="169"/>
      <c r="J73" s="44"/>
      <c r="K73" s="192"/>
      <c r="L73" s="169"/>
      <c r="M73" s="191"/>
      <c r="N73" s="45"/>
      <c r="O73" s="168"/>
      <c r="P73" s="227" t="s">
        <v>26</v>
      </c>
      <c r="Q73" s="221" t="s">
        <v>1257</v>
      </c>
      <c r="R73" s="162"/>
      <c r="S73" s="167"/>
      <c r="T73" s="196"/>
      <c r="U73" s="167"/>
      <c r="V73" s="69"/>
      <c r="W73" s="70"/>
      <c r="X73" s="70"/>
      <c r="Y73" s="70"/>
      <c r="Z73" s="195" t="s">
        <v>1</v>
      </c>
      <c r="AA73" s="74"/>
      <c r="AB73" s="74"/>
      <c r="AC73" s="74"/>
      <c r="AD73" s="75"/>
      <c r="AE73" s="25"/>
      <c r="AF73" s="25"/>
      <c r="AG73" s="25"/>
      <c r="AH73" s="74"/>
      <c r="AI73" s="74"/>
      <c r="AJ73" s="74"/>
      <c r="AK73" s="74"/>
      <c r="AL73" s="75"/>
      <c r="AM73" s="25"/>
      <c r="AN73" s="25"/>
      <c r="AO73" s="32"/>
    </row>
    <row r="74" spans="1:41" s="59" customFormat="1" ht="9.75" customHeight="1">
      <c r="A74" s="40"/>
      <c r="B74" s="194"/>
      <c r="C74" s="169"/>
      <c r="D74" s="194"/>
      <c r="E74" s="169"/>
      <c r="F74" s="41"/>
      <c r="G74" s="169"/>
      <c r="H74" s="44"/>
      <c r="I74" s="169"/>
      <c r="J74" s="44"/>
      <c r="K74" s="192"/>
      <c r="L74" s="169"/>
      <c r="M74" s="191"/>
      <c r="N74" s="45"/>
      <c r="O74" s="168"/>
      <c r="P74" s="228"/>
      <c r="Q74" s="222"/>
      <c r="R74" s="169"/>
      <c r="S74" s="168" t="s">
        <v>1256</v>
      </c>
      <c r="T74" s="190" t="s">
        <v>1256</v>
      </c>
      <c r="U74" s="168"/>
      <c r="V74" s="44" t="s">
        <v>22</v>
      </c>
      <c r="W74" s="45" t="s">
        <v>22</v>
      </c>
      <c r="X74" s="45" t="s">
        <v>22</v>
      </c>
      <c r="Y74" s="45" t="s">
        <v>22</v>
      </c>
      <c r="Z74" s="189"/>
      <c r="AA74" s="33"/>
      <c r="AB74" s="33"/>
      <c r="AC74" s="33"/>
      <c r="AD74" s="34"/>
      <c r="AE74" s="35"/>
      <c r="AF74" s="35"/>
      <c r="AG74" s="35"/>
      <c r="AH74" s="33"/>
      <c r="AI74" s="33"/>
      <c r="AJ74" s="33"/>
      <c r="AK74" s="33"/>
      <c r="AL74" s="34"/>
      <c r="AM74" s="35"/>
      <c r="AN74" s="35"/>
      <c r="AO74" s="36"/>
    </row>
    <row r="75" spans="1:41" s="59" customFormat="1" ht="9.75" customHeight="1">
      <c r="A75" s="40"/>
      <c r="B75" s="194"/>
      <c r="C75" s="169"/>
      <c r="D75" s="194"/>
      <c r="E75" s="169"/>
      <c r="F75" s="41"/>
      <c r="G75" s="169"/>
      <c r="H75" s="44"/>
      <c r="I75" s="169"/>
      <c r="J75" s="44"/>
      <c r="K75" s="192"/>
      <c r="L75" s="169"/>
      <c r="M75" s="191"/>
      <c r="N75" s="45"/>
      <c r="O75" s="168"/>
      <c r="P75" s="229"/>
      <c r="Q75" s="223"/>
      <c r="R75" s="169"/>
      <c r="S75" s="168"/>
      <c r="T75" s="190"/>
      <c r="U75" s="168"/>
      <c r="V75" s="44"/>
      <c r="W75" s="45"/>
      <c r="X75" s="45"/>
      <c r="Y75" s="45"/>
      <c r="Z75" s="189"/>
      <c r="AA75" s="33"/>
      <c r="AB75" s="33"/>
      <c r="AC75" s="33"/>
      <c r="AD75" s="34"/>
      <c r="AE75" s="35"/>
      <c r="AF75" s="35"/>
      <c r="AG75" s="35"/>
      <c r="AH75" s="33"/>
      <c r="AI75" s="33"/>
      <c r="AJ75" s="33"/>
      <c r="AK75" s="33"/>
      <c r="AL75" s="34"/>
      <c r="AM75" s="35"/>
      <c r="AN75" s="35"/>
      <c r="AO75" s="36"/>
    </row>
    <row r="76" spans="1:41" s="59" customFormat="1" ht="9.75" customHeight="1">
      <c r="A76" s="40"/>
      <c r="B76" s="194"/>
      <c r="C76" s="169"/>
      <c r="D76" s="194"/>
      <c r="E76" s="169"/>
      <c r="F76" s="41"/>
      <c r="G76" s="169"/>
      <c r="H76" s="44"/>
      <c r="I76" s="169"/>
      <c r="J76" s="44"/>
      <c r="K76" s="192"/>
      <c r="L76" s="169"/>
      <c r="M76" s="191"/>
      <c r="N76" s="45"/>
      <c r="O76" s="168"/>
      <c r="P76" s="227" t="s">
        <v>31</v>
      </c>
      <c r="Q76" s="221" t="s">
        <v>900</v>
      </c>
      <c r="R76" s="162"/>
      <c r="S76" s="167"/>
      <c r="T76" s="196"/>
      <c r="U76" s="167"/>
      <c r="V76" s="69"/>
      <c r="W76" s="70"/>
      <c r="X76" s="70"/>
      <c r="Y76" s="70"/>
      <c r="Z76" s="195" t="s">
        <v>1</v>
      </c>
      <c r="AA76" s="74"/>
      <c r="AB76" s="74"/>
      <c r="AC76" s="74"/>
      <c r="AD76" s="75"/>
      <c r="AE76" s="25"/>
      <c r="AF76" s="25"/>
      <c r="AG76" s="25"/>
      <c r="AH76" s="74"/>
      <c r="AI76" s="74"/>
      <c r="AJ76" s="74"/>
      <c r="AK76" s="74"/>
      <c r="AL76" s="75"/>
      <c r="AM76" s="25"/>
      <c r="AN76" s="25"/>
      <c r="AO76" s="32"/>
    </row>
    <row r="77" spans="1:41" s="59" customFormat="1" ht="9.75" customHeight="1">
      <c r="A77" s="40"/>
      <c r="B77" s="194"/>
      <c r="C77" s="169"/>
      <c r="D77" s="194"/>
      <c r="E77" s="169"/>
      <c r="F77" s="41"/>
      <c r="G77" s="169"/>
      <c r="H77" s="44"/>
      <c r="I77" s="169"/>
      <c r="J77" s="44"/>
      <c r="K77" s="192"/>
      <c r="L77" s="169"/>
      <c r="M77" s="191"/>
      <c r="N77" s="45"/>
      <c r="O77" s="168"/>
      <c r="P77" s="228"/>
      <c r="Q77" s="222"/>
      <c r="R77" s="169"/>
      <c r="S77" s="168" t="s">
        <v>1255</v>
      </c>
      <c r="T77" s="190" t="s">
        <v>1254</v>
      </c>
      <c r="U77" s="168"/>
      <c r="V77" s="44" t="s">
        <v>22</v>
      </c>
      <c r="W77" s="45" t="s">
        <v>22</v>
      </c>
      <c r="X77" s="45" t="s">
        <v>22</v>
      </c>
      <c r="Y77" s="45" t="s">
        <v>1253</v>
      </c>
      <c r="Z77" s="189"/>
      <c r="AA77" s="33"/>
      <c r="AB77" s="33"/>
      <c r="AC77" s="33"/>
      <c r="AD77" s="34"/>
      <c r="AE77" s="35"/>
      <c r="AF77" s="35"/>
      <c r="AG77" s="35"/>
      <c r="AH77" s="33"/>
      <c r="AI77" s="33"/>
      <c r="AJ77" s="33"/>
      <c r="AK77" s="33"/>
      <c r="AL77" s="34"/>
      <c r="AM77" s="35"/>
      <c r="AN77" s="35"/>
      <c r="AO77" s="36"/>
    </row>
    <row r="78" spans="1:41" s="59" customFormat="1" ht="9.75" customHeight="1">
      <c r="A78" s="40"/>
      <c r="B78" s="194"/>
      <c r="C78" s="169"/>
      <c r="D78" s="194"/>
      <c r="E78" s="169"/>
      <c r="F78" s="41"/>
      <c r="G78" s="169"/>
      <c r="H78" s="44"/>
      <c r="I78" s="169"/>
      <c r="J78" s="44"/>
      <c r="K78" s="192"/>
      <c r="L78" s="169"/>
      <c r="M78" s="191"/>
      <c r="N78" s="45"/>
      <c r="O78" s="168"/>
      <c r="P78" s="229"/>
      <c r="Q78" s="223"/>
      <c r="R78" s="169"/>
      <c r="S78" s="168"/>
      <c r="T78" s="190"/>
      <c r="U78" s="168"/>
      <c r="V78" s="44"/>
      <c r="W78" s="45"/>
      <c r="X78" s="45"/>
      <c r="Y78" s="45"/>
      <c r="Z78" s="189"/>
      <c r="AA78" s="33"/>
      <c r="AB78" s="33"/>
      <c r="AC78" s="33"/>
      <c r="AD78" s="34"/>
      <c r="AE78" s="35"/>
      <c r="AF78" s="35"/>
      <c r="AG78" s="35"/>
      <c r="AH78" s="33"/>
      <c r="AI78" s="33"/>
      <c r="AJ78" s="33"/>
      <c r="AK78" s="33"/>
      <c r="AL78" s="34"/>
      <c r="AM78" s="35"/>
      <c r="AN78" s="35"/>
      <c r="AO78" s="36"/>
    </row>
    <row r="79" spans="1:41" s="59" customFormat="1" ht="9.75" customHeight="1">
      <c r="A79" s="40"/>
      <c r="B79" s="194"/>
      <c r="C79" s="169"/>
      <c r="D79" s="194"/>
      <c r="E79" s="169"/>
      <c r="F79" s="41"/>
      <c r="G79" s="169"/>
      <c r="H79" s="44"/>
      <c r="I79" s="169"/>
      <c r="J79" s="44"/>
      <c r="K79" s="192"/>
      <c r="L79" s="169"/>
      <c r="M79" s="191"/>
      <c r="N79" s="45"/>
      <c r="O79" s="168"/>
      <c r="P79" s="227" t="s">
        <v>35</v>
      </c>
      <c r="Q79" s="221" t="s">
        <v>788</v>
      </c>
      <c r="R79" s="162"/>
      <c r="S79" s="167"/>
      <c r="T79" s="196"/>
      <c r="U79" s="167"/>
      <c r="V79" s="69"/>
      <c r="W79" s="70"/>
      <c r="X79" s="70"/>
      <c r="Y79" s="70"/>
      <c r="Z79" s="195" t="s">
        <v>1</v>
      </c>
      <c r="AA79" s="74"/>
      <c r="AB79" s="74"/>
      <c r="AC79" s="74"/>
      <c r="AD79" s="75"/>
      <c r="AE79" s="25"/>
      <c r="AF79" s="25"/>
      <c r="AG79" s="25"/>
      <c r="AH79" s="74"/>
      <c r="AI79" s="74"/>
      <c r="AJ79" s="74"/>
      <c r="AK79" s="74"/>
      <c r="AL79" s="75"/>
      <c r="AM79" s="25"/>
      <c r="AN79" s="25"/>
      <c r="AO79" s="32"/>
    </row>
    <row r="80" spans="1:41" s="59" customFormat="1" ht="9.75" customHeight="1">
      <c r="A80" s="40"/>
      <c r="B80" s="194"/>
      <c r="C80" s="169"/>
      <c r="D80" s="194"/>
      <c r="E80" s="169"/>
      <c r="F80" s="41"/>
      <c r="G80" s="169"/>
      <c r="H80" s="44"/>
      <c r="I80" s="169"/>
      <c r="J80" s="44"/>
      <c r="K80" s="192"/>
      <c r="L80" s="169"/>
      <c r="M80" s="191"/>
      <c r="N80" s="45"/>
      <c r="O80" s="168"/>
      <c r="P80" s="228"/>
      <c r="Q80" s="222"/>
      <c r="R80" s="169"/>
      <c r="S80" s="168" t="s">
        <v>1252</v>
      </c>
      <c r="T80" s="190" t="s">
        <v>1251</v>
      </c>
      <c r="U80" s="168"/>
      <c r="V80" s="44" t="s">
        <v>22</v>
      </c>
      <c r="W80" s="45" t="s">
        <v>22</v>
      </c>
      <c r="X80" s="45" t="s">
        <v>22</v>
      </c>
      <c r="Y80" s="45" t="s">
        <v>1250</v>
      </c>
      <c r="Z80" s="189"/>
      <c r="AA80" s="33"/>
      <c r="AB80" s="33"/>
      <c r="AC80" s="33"/>
      <c r="AD80" s="34"/>
      <c r="AE80" s="35"/>
      <c r="AF80" s="35"/>
      <c r="AG80" s="35"/>
      <c r="AH80" s="33"/>
      <c r="AI80" s="33"/>
      <c r="AJ80" s="33"/>
      <c r="AK80" s="33"/>
      <c r="AL80" s="34"/>
      <c r="AM80" s="35"/>
      <c r="AN80" s="35"/>
      <c r="AO80" s="36"/>
    </row>
    <row r="81" spans="1:46" s="59" customFormat="1" ht="9.75" customHeight="1">
      <c r="A81" s="40"/>
      <c r="B81" s="194"/>
      <c r="C81" s="169"/>
      <c r="D81" s="194"/>
      <c r="E81" s="169"/>
      <c r="F81" s="41"/>
      <c r="G81" s="169"/>
      <c r="H81" s="44"/>
      <c r="I81" s="169"/>
      <c r="J81" s="44"/>
      <c r="K81" s="192"/>
      <c r="L81" s="169"/>
      <c r="M81" s="191"/>
      <c r="N81" s="45"/>
      <c r="O81" s="168"/>
      <c r="P81" s="229"/>
      <c r="Q81" s="223"/>
      <c r="R81" s="169"/>
      <c r="S81" s="168"/>
      <c r="T81" s="190"/>
      <c r="U81" s="168"/>
      <c r="V81" s="44"/>
      <c r="W81" s="45"/>
      <c r="X81" s="45"/>
      <c r="Y81" s="45"/>
      <c r="Z81" s="189"/>
      <c r="AA81" s="33"/>
      <c r="AB81" s="33"/>
      <c r="AC81" s="33"/>
      <c r="AD81" s="34"/>
      <c r="AE81" s="35"/>
      <c r="AF81" s="35"/>
      <c r="AG81" s="35"/>
      <c r="AH81" s="33"/>
      <c r="AI81" s="33"/>
      <c r="AJ81" s="33"/>
      <c r="AK81" s="33"/>
      <c r="AL81" s="34"/>
      <c r="AM81" s="35"/>
      <c r="AN81" s="35"/>
      <c r="AO81" s="36"/>
    </row>
    <row r="82" spans="1:46" s="59" customFormat="1" ht="9.75" customHeight="1">
      <c r="A82" s="40"/>
      <c r="B82" s="194"/>
      <c r="C82" s="169"/>
      <c r="D82" s="194"/>
      <c r="E82" s="169"/>
      <c r="F82" s="41"/>
      <c r="G82" s="169"/>
      <c r="H82" s="44"/>
      <c r="I82" s="169"/>
      <c r="J82" s="44"/>
      <c r="K82" s="192"/>
      <c r="L82" s="169"/>
      <c r="M82" s="191"/>
      <c r="N82" s="45"/>
      <c r="O82" s="168"/>
      <c r="P82" s="227" t="s">
        <v>36</v>
      </c>
      <c r="Q82" s="221" t="s">
        <v>833</v>
      </c>
      <c r="R82" s="162"/>
      <c r="S82" s="167"/>
      <c r="T82" s="196"/>
      <c r="U82" s="167"/>
      <c r="V82" s="69"/>
      <c r="W82" s="70"/>
      <c r="X82" s="70"/>
      <c r="Y82" s="70"/>
      <c r="Z82" s="195" t="s">
        <v>1</v>
      </c>
      <c r="AA82" s="74"/>
      <c r="AB82" s="74"/>
      <c r="AC82" s="74"/>
      <c r="AD82" s="75"/>
      <c r="AE82" s="25"/>
      <c r="AF82" s="25"/>
      <c r="AG82" s="25"/>
      <c r="AH82" s="74"/>
      <c r="AI82" s="74"/>
      <c r="AJ82" s="74"/>
      <c r="AK82" s="74"/>
      <c r="AL82" s="75"/>
      <c r="AM82" s="25"/>
      <c r="AN82" s="25"/>
      <c r="AO82" s="32"/>
    </row>
    <row r="83" spans="1:46" s="59" customFormat="1" ht="9.75" customHeight="1">
      <c r="A83" s="40"/>
      <c r="B83" s="194"/>
      <c r="C83" s="169"/>
      <c r="D83" s="194"/>
      <c r="E83" s="169"/>
      <c r="F83" s="41"/>
      <c r="G83" s="169"/>
      <c r="H83" s="44"/>
      <c r="I83" s="169"/>
      <c r="J83" s="44"/>
      <c r="K83" s="192"/>
      <c r="L83" s="169"/>
      <c r="M83" s="191"/>
      <c r="N83" s="45"/>
      <c r="O83" s="168"/>
      <c r="P83" s="228"/>
      <c r="Q83" s="222"/>
      <c r="R83" s="169"/>
      <c r="S83" s="168" t="s">
        <v>1249</v>
      </c>
      <c r="T83" s="190" t="s">
        <v>1248</v>
      </c>
      <c r="U83" s="168"/>
      <c r="V83" s="44" t="s">
        <v>22</v>
      </c>
      <c r="W83" s="45" t="s">
        <v>22</v>
      </c>
      <c r="X83" s="45" t="s">
        <v>22</v>
      </c>
      <c r="Y83" s="45" t="s">
        <v>1247</v>
      </c>
      <c r="Z83" s="189"/>
      <c r="AA83" s="33"/>
      <c r="AB83" s="33"/>
      <c r="AC83" s="33"/>
      <c r="AD83" s="34"/>
      <c r="AE83" s="35"/>
      <c r="AF83" s="35"/>
      <c r="AG83" s="35"/>
      <c r="AH83" s="33"/>
      <c r="AI83" s="33"/>
      <c r="AJ83" s="33"/>
      <c r="AK83" s="33"/>
      <c r="AL83" s="34"/>
      <c r="AM83" s="35"/>
      <c r="AN83" s="35"/>
      <c r="AO83" s="36"/>
    </row>
    <row r="84" spans="1:46" s="59" customFormat="1" ht="9.75" customHeight="1">
      <c r="A84" s="77"/>
      <c r="B84" s="179"/>
      <c r="C84" s="79"/>
      <c r="D84" s="179"/>
      <c r="E84" s="79"/>
      <c r="F84" s="78"/>
      <c r="G84" s="79"/>
      <c r="H84" s="80"/>
      <c r="I84" s="79"/>
      <c r="J84" s="80"/>
      <c r="K84" s="178"/>
      <c r="L84" s="79"/>
      <c r="M84" s="177"/>
      <c r="N84" s="81"/>
      <c r="O84" s="82"/>
      <c r="P84" s="314"/>
      <c r="Q84" s="313"/>
      <c r="R84" s="79"/>
      <c r="S84" s="82"/>
      <c r="T84" s="176"/>
      <c r="U84" s="82"/>
      <c r="V84" s="80"/>
      <c r="W84" s="81"/>
      <c r="X84" s="81"/>
      <c r="Y84" s="81"/>
      <c r="Z84" s="216"/>
      <c r="AA84" s="85"/>
      <c r="AB84" s="85"/>
      <c r="AC84" s="85"/>
      <c r="AD84" s="86"/>
      <c r="AE84" s="87"/>
      <c r="AF84" s="87"/>
      <c r="AG84" s="87"/>
      <c r="AH84" s="85"/>
      <c r="AI84" s="85"/>
      <c r="AJ84" s="85"/>
      <c r="AK84" s="85"/>
      <c r="AL84" s="86"/>
      <c r="AM84" s="87"/>
      <c r="AN84" s="87"/>
      <c r="AO84" s="88"/>
    </row>
    <row r="85" spans="1:46" ht="9.75" customHeight="1">
      <c r="Z85" s="39"/>
      <c r="AA85" s="39"/>
      <c r="AB85" s="39"/>
      <c r="AC85" s="39"/>
      <c r="AD85" s="39"/>
      <c r="AE85" s="39"/>
      <c r="AF85" s="39"/>
      <c r="AG85" s="39"/>
      <c r="AH85" s="39"/>
      <c r="AI85" s="39"/>
      <c r="AJ85" s="39"/>
      <c r="AK85" s="39"/>
      <c r="AL85" s="39"/>
      <c r="AM85" s="39"/>
      <c r="AN85" s="39"/>
      <c r="AO85" s="39"/>
    </row>
    <row r="88" spans="1:46" s="2" customFormat="1" ht="3.75" customHeight="1">
      <c r="A88" s="212"/>
      <c r="B88" s="212"/>
      <c r="C88" s="212"/>
      <c r="D88" s="212"/>
      <c r="E88" s="212"/>
      <c r="F88" s="212"/>
      <c r="G88" s="212"/>
      <c r="H88" s="212"/>
      <c r="I88" s="212"/>
      <c r="J88" s="212"/>
      <c r="K88" s="212"/>
      <c r="L88" s="212"/>
      <c r="M88" s="212"/>
      <c r="N88" s="212"/>
      <c r="O88" s="212"/>
      <c r="P88" s="212"/>
      <c r="Q88" s="212"/>
      <c r="R88" s="212"/>
      <c r="S88" s="212"/>
      <c r="T88" s="212"/>
      <c r="U88" s="212"/>
      <c r="V88" s="212"/>
      <c r="W88" s="212"/>
      <c r="X88" s="212"/>
      <c r="Y88" s="212"/>
      <c r="Z88" s="212"/>
      <c r="AA88" s="212"/>
      <c r="AB88" s="212"/>
      <c r="AC88" s="212"/>
      <c r="AD88" s="212"/>
      <c r="AE88" s="212"/>
      <c r="AF88" s="212"/>
      <c r="AG88" s="212"/>
      <c r="AH88" s="212"/>
      <c r="AI88" s="212"/>
      <c r="AJ88" s="212"/>
      <c r="AK88" s="212"/>
      <c r="AL88" s="212"/>
      <c r="AM88" s="212"/>
      <c r="AN88" s="212"/>
      <c r="AO88" s="212"/>
      <c r="AP88" s="212"/>
      <c r="AQ88" s="212"/>
      <c r="AR88" s="211"/>
      <c r="AS88" s="211"/>
      <c r="AT88" s="211"/>
    </row>
    <row r="89" spans="1:46" s="2" customFormat="1" ht="11.25" customHeight="1">
      <c r="A89" s="5"/>
      <c r="B89" s="5"/>
      <c r="C89" s="5"/>
      <c r="D89" s="5"/>
      <c r="E89" s="5"/>
      <c r="F89" s="5"/>
      <c r="G89" s="5"/>
      <c r="H89" s="5"/>
      <c r="I89" s="5"/>
      <c r="J89" s="5"/>
      <c r="K89" s="5"/>
      <c r="L89" s="5"/>
      <c r="M89" s="5"/>
      <c r="N89" s="5"/>
      <c r="O89" s="5"/>
      <c r="P89" s="5"/>
      <c r="Q89" s="5"/>
      <c r="R89" s="5"/>
      <c r="S89" s="5"/>
      <c r="T89" s="5"/>
      <c r="U89" s="5"/>
      <c r="V89" s="5"/>
      <c r="W89" s="5"/>
      <c r="X89" s="5"/>
      <c r="Y89" s="5"/>
      <c r="Z89" s="5"/>
      <c r="AA89" s="5"/>
      <c r="AB89" s="5"/>
      <c r="AC89" s="5"/>
      <c r="AD89" s="5"/>
      <c r="AE89" s="5"/>
      <c r="AF89" s="5"/>
      <c r="AG89" s="5"/>
      <c r="AH89" s="5"/>
      <c r="AI89" s="5"/>
      <c r="AJ89" s="5"/>
      <c r="AK89" s="5"/>
      <c r="AL89" s="5"/>
      <c r="AM89" s="5"/>
      <c r="AN89" s="5"/>
      <c r="AO89" s="5"/>
      <c r="AP89" s="5"/>
      <c r="AQ89" s="5"/>
      <c r="AR89" s="7"/>
      <c r="AS89" s="7"/>
      <c r="AT89" s="7"/>
    </row>
    <row r="90" spans="1:46" s="2" customFormat="1" ht="26.25" customHeight="1">
      <c r="A90" s="210"/>
      <c r="B90" s="8" t="s">
        <v>720</v>
      </c>
      <c r="C90" s="209"/>
      <c r="D90" s="133" t="s">
        <v>1246</v>
      </c>
      <c r="E90" s="8"/>
      <c r="F90" s="8"/>
      <c r="G90" s="8"/>
      <c r="H90" s="8"/>
      <c r="I90" s="8"/>
      <c r="J90" s="8"/>
      <c r="K90" s="8"/>
      <c r="L90" s="8"/>
      <c r="M90" s="8"/>
      <c r="N90" s="8"/>
      <c r="O90" s="8"/>
      <c r="P90" s="8"/>
      <c r="Q90" s="8"/>
      <c r="R90" s="8"/>
      <c r="S90" s="8"/>
      <c r="T90" s="5"/>
      <c r="U90" s="5"/>
      <c r="V90" s="5"/>
      <c r="W90" s="5"/>
      <c r="X90" s="5"/>
      <c r="Y90" s="5"/>
      <c r="Z90" s="5"/>
      <c r="AA90" s="5"/>
      <c r="AB90" s="5"/>
      <c r="AC90" s="5"/>
      <c r="AD90" s="5"/>
      <c r="AE90" s="5"/>
      <c r="AF90" s="5"/>
      <c r="AG90" s="5"/>
      <c r="AH90" s="5"/>
      <c r="AI90" s="5"/>
      <c r="AJ90" s="5"/>
      <c r="AK90" s="5"/>
      <c r="AL90" s="5"/>
      <c r="AM90" s="5"/>
      <c r="AN90" s="5"/>
      <c r="AO90" s="208" t="s">
        <v>1</v>
      </c>
      <c r="AP90" s="5"/>
      <c r="AQ90" s="5"/>
      <c r="AR90" s="7"/>
      <c r="AS90" s="7"/>
      <c r="AT90" s="7"/>
    </row>
    <row r="91" spans="1:46" ht="14.25" customHeight="1">
      <c r="A91" s="233" t="s">
        <v>2</v>
      </c>
      <c r="B91" s="234"/>
      <c r="C91" s="239" t="s">
        <v>3</v>
      </c>
      <c r="D91" s="234"/>
      <c r="E91" s="239" t="s">
        <v>4</v>
      </c>
      <c r="F91" s="234"/>
      <c r="G91" s="242" t="s">
        <v>5</v>
      </c>
      <c r="H91" s="243"/>
      <c r="I91" s="243"/>
      <c r="J91" s="243"/>
      <c r="K91" s="243"/>
      <c r="L91" s="243"/>
      <c r="M91" s="243"/>
      <c r="N91" s="243"/>
      <c r="O91" s="243"/>
      <c r="P91" s="243"/>
      <c r="Q91" s="243"/>
      <c r="R91" s="243"/>
      <c r="S91" s="243"/>
      <c r="T91" s="290" t="s">
        <v>718</v>
      </c>
      <c r="U91" s="243" t="s">
        <v>717</v>
      </c>
      <c r="V91" s="243"/>
      <c r="W91" s="243"/>
      <c r="X91" s="244"/>
      <c r="Y91" s="275" t="s">
        <v>716</v>
      </c>
      <c r="Z91" s="239" t="s">
        <v>10</v>
      </c>
      <c r="AA91" s="251"/>
      <c r="AB91" s="251"/>
      <c r="AC91" s="251"/>
      <c r="AD91" s="251"/>
      <c r="AE91" s="251"/>
      <c r="AF91" s="251"/>
      <c r="AG91" s="251"/>
      <c r="AH91" s="251"/>
      <c r="AI91" s="251"/>
      <c r="AJ91" s="251"/>
      <c r="AK91" s="251"/>
      <c r="AL91" s="251"/>
      <c r="AM91" s="251"/>
      <c r="AN91" s="251"/>
      <c r="AO91" s="245"/>
      <c r="AP91" s="15"/>
      <c r="AQ91" s="15"/>
      <c r="AR91" s="16"/>
      <c r="AS91" s="16"/>
      <c r="AT91" s="16"/>
    </row>
    <row r="92" spans="1:46" ht="14.25" customHeight="1">
      <c r="A92" s="235"/>
      <c r="B92" s="236"/>
      <c r="C92" s="240"/>
      <c r="D92" s="236"/>
      <c r="E92" s="240"/>
      <c r="F92" s="236"/>
      <c r="G92" s="276" t="s">
        <v>11</v>
      </c>
      <c r="H92" s="254"/>
      <c r="I92" s="276" t="s">
        <v>12</v>
      </c>
      <c r="J92" s="254"/>
      <c r="K92" s="255" t="s">
        <v>715</v>
      </c>
      <c r="L92" s="279" t="s">
        <v>714</v>
      </c>
      <c r="M92" s="280"/>
      <c r="N92" s="258" t="s">
        <v>14</v>
      </c>
      <c r="O92" s="164"/>
      <c r="P92" s="261" t="s">
        <v>15</v>
      </c>
      <c r="Q92" s="261"/>
      <c r="R92" s="261"/>
      <c r="S92" s="261"/>
      <c r="T92" s="291"/>
      <c r="U92" s="285" t="s">
        <v>713</v>
      </c>
      <c r="V92" s="221"/>
      <c r="W92" s="258" t="s">
        <v>712</v>
      </c>
      <c r="X92" s="258" t="s">
        <v>711</v>
      </c>
      <c r="Y92" s="259"/>
      <c r="Z92" s="240"/>
      <c r="AA92" s="250"/>
      <c r="AB92" s="250"/>
      <c r="AC92" s="250"/>
      <c r="AD92" s="250"/>
      <c r="AE92" s="250"/>
      <c r="AF92" s="250"/>
      <c r="AG92" s="250"/>
      <c r="AH92" s="250"/>
      <c r="AI92" s="250"/>
      <c r="AJ92" s="250"/>
      <c r="AK92" s="250"/>
      <c r="AL92" s="250"/>
      <c r="AM92" s="250"/>
      <c r="AN92" s="250"/>
      <c r="AO92" s="246"/>
      <c r="AP92" s="15"/>
      <c r="AQ92" s="15"/>
      <c r="AR92" s="16"/>
      <c r="AS92" s="16"/>
      <c r="AT92" s="16"/>
    </row>
    <row r="93" spans="1:46" ht="4.5" customHeight="1">
      <c r="A93" s="235"/>
      <c r="B93" s="236"/>
      <c r="C93" s="240"/>
      <c r="D93" s="236"/>
      <c r="E93" s="240"/>
      <c r="F93" s="236"/>
      <c r="G93" s="240"/>
      <c r="H93" s="236"/>
      <c r="I93" s="240"/>
      <c r="J93" s="236"/>
      <c r="K93" s="277"/>
      <c r="L93" s="281"/>
      <c r="M93" s="282"/>
      <c r="N93" s="259"/>
      <c r="O93" s="165"/>
      <c r="P93" s="263" t="s">
        <v>16</v>
      </c>
      <c r="Q93" s="254"/>
      <c r="R93" s="253" t="s">
        <v>17</v>
      </c>
      <c r="S93" s="263"/>
      <c r="T93" s="291"/>
      <c r="U93" s="286"/>
      <c r="V93" s="287"/>
      <c r="W93" s="259"/>
      <c r="X93" s="259"/>
      <c r="Y93" s="259"/>
      <c r="Z93" s="240"/>
      <c r="AA93" s="250"/>
      <c r="AB93" s="250"/>
      <c r="AC93" s="250"/>
      <c r="AD93" s="250"/>
      <c r="AE93" s="250"/>
      <c r="AF93" s="250"/>
      <c r="AG93" s="250"/>
      <c r="AH93" s="250"/>
      <c r="AI93" s="250"/>
      <c r="AJ93" s="250"/>
      <c r="AK93" s="250"/>
      <c r="AL93" s="250"/>
      <c r="AM93" s="250"/>
      <c r="AN93" s="250"/>
      <c r="AO93" s="246"/>
      <c r="AP93" s="15"/>
      <c r="AQ93" s="15"/>
      <c r="AR93" s="16"/>
      <c r="AS93" s="16"/>
      <c r="AT93" s="16"/>
    </row>
    <row r="94" spans="1:46" ht="9" customHeight="1">
      <c r="A94" s="237"/>
      <c r="B94" s="238"/>
      <c r="C94" s="241"/>
      <c r="D94" s="238"/>
      <c r="E94" s="241"/>
      <c r="F94" s="238"/>
      <c r="G94" s="241"/>
      <c r="H94" s="238"/>
      <c r="I94" s="241"/>
      <c r="J94" s="238"/>
      <c r="K94" s="278"/>
      <c r="L94" s="283"/>
      <c r="M94" s="284"/>
      <c r="N94" s="260"/>
      <c r="O94" s="166"/>
      <c r="P94" s="252"/>
      <c r="Q94" s="238"/>
      <c r="R94" s="241"/>
      <c r="S94" s="252"/>
      <c r="T94" s="292"/>
      <c r="U94" s="288"/>
      <c r="V94" s="289"/>
      <c r="W94" s="260"/>
      <c r="X94" s="260"/>
      <c r="Y94" s="260"/>
      <c r="Z94" s="241"/>
      <c r="AA94" s="252"/>
      <c r="AB94" s="252"/>
      <c r="AC94" s="252"/>
      <c r="AD94" s="252"/>
      <c r="AE94" s="252"/>
      <c r="AF94" s="252"/>
      <c r="AG94" s="252"/>
      <c r="AH94" s="252"/>
      <c r="AI94" s="252"/>
      <c r="AJ94" s="252"/>
      <c r="AK94" s="252"/>
      <c r="AL94" s="252"/>
      <c r="AM94" s="252"/>
      <c r="AN94" s="252"/>
      <c r="AO94" s="247"/>
      <c r="AP94" s="15"/>
      <c r="AQ94" s="15"/>
      <c r="AR94" s="16"/>
      <c r="AS94" s="16"/>
      <c r="AT94" s="16"/>
    </row>
    <row r="95" spans="1:46" s="39" customFormat="1" ht="9" customHeight="1">
      <c r="A95" s="23"/>
      <c r="B95" s="24"/>
      <c r="C95" s="25"/>
      <c r="D95" s="24"/>
      <c r="E95" s="25"/>
      <c r="F95" s="24"/>
      <c r="G95" s="26"/>
      <c r="H95" s="27" t="s">
        <v>18</v>
      </c>
      <c r="I95" s="26"/>
      <c r="J95" s="27" t="s">
        <v>18</v>
      </c>
      <c r="K95" s="28" t="s">
        <v>18</v>
      </c>
      <c r="L95" s="26"/>
      <c r="M95" s="27" t="s">
        <v>18</v>
      </c>
      <c r="N95" s="29" t="s">
        <v>18</v>
      </c>
      <c r="O95" s="35"/>
      <c r="P95" s="35"/>
      <c r="Q95" s="27"/>
      <c r="R95" s="26"/>
      <c r="S95" s="35" t="s">
        <v>18</v>
      </c>
      <c r="T95" s="207" t="s">
        <v>18</v>
      </c>
      <c r="U95" s="35"/>
      <c r="V95" s="27" t="s">
        <v>18</v>
      </c>
      <c r="W95" s="28" t="s">
        <v>18</v>
      </c>
      <c r="X95" s="28" t="s">
        <v>18</v>
      </c>
      <c r="Y95" s="28" t="s">
        <v>18</v>
      </c>
      <c r="Z95" s="195"/>
      <c r="AA95" s="33"/>
      <c r="AB95" s="33"/>
      <c r="AC95" s="33"/>
      <c r="AD95" s="34"/>
      <c r="AE95" s="35"/>
      <c r="AF95" s="35"/>
      <c r="AG95" s="35"/>
      <c r="AH95" s="33"/>
      <c r="AI95" s="33"/>
      <c r="AJ95" s="33"/>
      <c r="AK95" s="33"/>
      <c r="AL95" s="34"/>
      <c r="AM95" s="35"/>
      <c r="AN95" s="35"/>
      <c r="AO95" s="36"/>
      <c r="AP95" s="37"/>
      <c r="AQ95" s="37"/>
      <c r="AR95" s="38"/>
      <c r="AS95" s="38"/>
      <c r="AT95" s="38"/>
    </row>
    <row r="96" spans="1:46" s="59" customFormat="1" ht="9.75" customHeight="1">
      <c r="A96" s="40"/>
      <c r="B96" s="194"/>
      <c r="C96" s="169"/>
      <c r="D96" s="194"/>
      <c r="E96" s="169"/>
      <c r="F96" s="41"/>
      <c r="G96" s="169"/>
      <c r="H96" s="44"/>
      <c r="I96" s="169"/>
      <c r="J96" s="44"/>
      <c r="K96" s="192"/>
      <c r="L96" s="169"/>
      <c r="M96" s="191"/>
      <c r="N96" s="45"/>
      <c r="O96" s="168"/>
      <c r="P96" s="312" t="s">
        <v>37</v>
      </c>
      <c r="Q96" s="287" t="s">
        <v>786</v>
      </c>
      <c r="R96" s="169"/>
      <c r="S96" s="168"/>
      <c r="T96" s="190"/>
      <c r="U96" s="168"/>
      <c r="V96" s="44"/>
      <c r="W96" s="45"/>
      <c r="X96" s="45"/>
      <c r="Y96" s="45"/>
      <c r="Z96" s="189" t="s">
        <v>1</v>
      </c>
      <c r="AA96" s="33"/>
      <c r="AB96" s="33"/>
      <c r="AC96" s="33"/>
      <c r="AD96" s="34"/>
      <c r="AE96" s="35"/>
      <c r="AF96" s="35"/>
      <c r="AG96" s="35"/>
      <c r="AH96" s="33"/>
      <c r="AI96" s="33"/>
      <c r="AJ96" s="33"/>
      <c r="AK96" s="33"/>
      <c r="AL96" s="34"/>
      <c r="AM96" s="35"/>
      <c r="AN96" s="35"/>
      <c r="AO96" s="36"/>
    </row>
    <row r="97" spans="1:41" s="59" customFormat="1" ht="9.75" customHeight="1">
      <c r="A97" s="40"/>
      <c r="B97" s="194"/>
      <c r="C97" s="169"/>
      <c r="D97" s="194"/>
      <c r="E97" s="169"/>
      <c r="F97" s="41"/>
      <c r="G97" s="169"/>
      <c r="H97" s="44"/>
      <c r="I97" s="169"/>
      <c r="J97" s="44"/>
      <c r="K97" s="192"/>
      <c r="L97" s="169"/>
      <c r="M97" s="191"/>
      <c r="N97" s="45"/>
      <c r="O97" s="168"/>
      <c r="P97" s="228"/>
      <c r="Q97" s="222"/>
      <c r="R97" s="169"/>
      <c r="S97" s="168" t="s">
        <v>1245</v>
      </c>
      <c r="T97" s="190" t="s">
        <v>1244</v>
      </c>
      <c r="U97" s="168"/>
      <c r="V97" s="44" t="s">
        <v>22</v>
      </c>
      <c r="W97" s="45" t="s">
        <v>22</v>
      </c>
      <c r="X97" s="45" t="s">
        <v>22</v>
      </c>
      <c r="Y97" s="45" t="s">
        <v>1243</v>
      </c>
      <c r="Z97" s="189"/>
      <c r="AA97" s="33"/>
      <c r="AB97" s="33"/>
      <c r="AC97" s="33"/>
      <c r="AD97" s="34"/>
      <c r="AE97" s="35"/>
      <c r="AF97" s="35"/>
      <c r="AG97" s="35"/>
      <c r="AH97" s="33"/>
      <c r="AI97" s="33"/>
      <c r="AJ97" s="33"/>
      <c r="AK97" s="33"/>
      <c r="AL97" s="34"/>
      <c r="AM97" s="35"/>
      <c r="AN97" s="35"/>
      <c r="AO97" s="36"/>
    </row>
    <row r="98" spans="1:41" s="59" customFormat="1" ht="9.75" customHeight="1">
      <c r="A98" s="40"/>
      <c r="B98" s="194"/>
      <c r="C98" s="169"/>
      <c r="D98" s="194"/>
      <c r="E98" s="169"/>
      <c r="F98" s="41"/>
      <c r="G98" s="169"/>
      <c r="H98" s="44"/>
      <c r="I98" s="169"/>
      <c r="J98" s="44"/>
      <c r="K98" s="192"/>
      <c r="L98" s="169"/>
      <c r="M98" s="191"/>
      <c r="N98" s="45"/>
      <c r="O98" s="168"/>
      <c r="P98" s="229"/>
      <c r="Q98" s="223"/>
      <c r="R98" s="169"/>
      <c r="S98" s="168"/>
      <c r="T98" s="190"/>
      <c r="U98" s="168"/>
      <c r="V98" s="44"/>
      <c r="W98" s="45"/>
      <c r="X98" s="45"/>
      <c r="Y98" s="45"/>
      <c r="Z98" s="189"/>
      <c r="AA98" s="33"/>
      <c r="AB98" s="33"/>
      <c r="AC98" s="33"/>
      <c r="AD98" s="34"/>
      <c r="AE98" s="35"/>
      <c r="AF98" s="35"/>
      <c r="AG98" s="35"/>
      <c r="AH98" s="33"/>
      <c r="AI98" s="33"/>
      <c r="AJ98" s="33"/>
      <c r="AK98" s="33"/>
      <c r="AL98" s="34"/>
      <c r="AM98" s="35"/>
      <c r="AN98" s="35"/>
      <c r="AO98" s="36"/>
    </row>
    <row r="99" spans="1:41" s="59" customFormat="1" ht="9.75" customHeight="1">
      <c r="A99" s="40"/>
      <c r="B99" s="194"/>
      <c r="C99" s="169"/>
      <c r="D99" s="194"/>
      <c r="E99" s="169"/>
      <c r="F99" s="41"/>
      <c r="G99" s="169"/>
      <c r="H99" s="44"/>
      <c r="I99" s="169"/>
      <c r="J99" s="44"/>
      <c r="K99" s="192"/>
      <c r="L99" s="169"/>
      <c r="M99" s="191"/>
      <c r="N99" s="45"/>
      <c r="O99" s="168"/>
      <c r="P99" s="227" t="s">
        <v>39</v>
      </c>
      <c r="Q99" s="221" t="s">
        <v>704</v>
      </c>
      <c r="R99" s="162"/>
      <c r="S99" s="167"/>
      <c r="T99" s="196"/>
      <c r="U99" s="167"/>
      <c r="V99" s="69"/>
      <c r="W99" s="70"/>
      <c r="X99" s="70"/>
      <c r="Y99" s="70"/>
      <c r="Z99" s="195" t="s">
        <v>1</v>
      </c>
      <c r="AA99" s="74"/>
      <c r="AB99" s="74"/>
      <c r="AC99" s="74"/>
      <c r="AD99" s="75"/>
      <c r="AE99" s="25"/>
      <c r="AF99" s="25"/>
      <c r="AG99" s="25"/>
      <c r="AH99" s="74"/>
      <c r="AI99" s="74"/>
      <c r="AJ99" s="74"/>
      <c r="AK99" s="74"/>
      <c r="AL99" s="75"/>
      <c r="AM99" s="25"/>
      <c r="AN99" s="25"/>
      <c r="AO99" s="32"/>
    </row>
    <row r="100" spans="1:41" s="59" customFormat="1" ht="9.75" customHeight="1">
      <c r="A100" s="40"/>
      <c r="B100" s="194"/>
      <c r="C100" s="169"/>
      <c r="D100" s="194"/>
      <c r="E100" s="169"/>
      <c r="F100" s="41"/>
      <c r="G100" s="169"/>
      <c r="H100" s="44"/>
      <c r="I100" s="169"/>
      <c r="J100" s="44"/>
      <c r="K100" s="192"/>
      <c r="L100" s="169"/>
      <c r="M100" s="191"/>
      <c r="N100" s="45"/>
      <c r="O100" s="168"/>
      <c r="P100" s="228"/>
      <c r="Q100" s="222"/>
      <c r="R100" s="169"/>
      <c r="S100" s="168" t="s">
        <v>1242</v>
      </c>
      <c r="T100" s="190" t="s">
        <v>1241</v>
      </c>
      <c r="U100" s="168"/>
      <c r="V100" s="44" t="s">
        <v>22</v>
      </c>
      <c r="W100" s="45" t="s">
        <v>22</v>
      </c>
      <c r="X100" s="45" t="s">
        <v>22</v>
      </c>
      <c r="Y100" s="45" t="s">
        <v>1240</v>
      </c>
      <c r="Z100" s="189"/>
      <c r="AA100" s="33"/>
      <c r="AB100" s="33"/>
      <c r="AC100" s="33"/>
      <c r="AD100" s="34"/>
      <c r="AE100" s="35"/>
      <c r="AF100" s="35"/>
      <c r="AG100" s="35"/>
      <c r="AH100" s="33"/>
      <c r="AI100" s="33"/>
      <c r="AJ100" s="33"/>
      <c r="AK100" s="33"/>
      <c r="AL100" s="34"/>
      <c r="AM100" s="35"/>
      <c r="AN100" s="35"/>
      <c r="AO100" s="36"/>
    </row>
    <row r="101" spans="1:41" s="59" customFormat="1" ht="9.75" customHeight="1">
      <c r="A101" s="40"/>
      <c r="B101" s="194"/>
      <c r="C101" s="169"/>
      <c r="D101" s="194"/>
      <c r="E101" s="169"/>
      <c r="F101" s="41"/>
      <c r="G101" s="169"/>
      <c r="H101" s="44"/>
      <c r="I101" s="169"/>
      <c r="J101" s="44"/>
      <c r="K101" s="192"/>
      <c r="L101" s="169"/>
      <c r="M101" s="191"/>
      <c r="N101" s="45"/>
      <c r="O101" s="168"/>
      <c r="P101" s="229"/>
      <c r="Q101" s="223"/>
      <c r="R101" s="169"/>
      <c r="S101" s="168"/>
      <c r="T101" s="190"/>
      <c r="U101" s="168"/>
      <c r="V101" s="44"/>
      <c r="W101" s="45"/>
      <c r="X101" s="45"/>
      <c r="Y101" s="45"/>
      <c r="Z101" s="189"/>
      <c r="AA101" s="33"/>
      <c r="AB101" s="33"/>
      <c r="AC101" s="33"/>
      <c r="AD101" s="34"/>
      <c r="AE101" s="35"/>
      <c r="AF101" s="35"/>
      <c r="AG101" s="35"/>
      <c r="AH101" s="33"/>
      <c r="AI101" s="33"/>
      <c r="AJ101" s="33"/>
      <c r="AK101" s="33"/>
      <c r="AL101" s="34"/>
      <c r="AM101" s="35"/>
      <c r="AN101" s="35"/>
      <c r="AO101" s="36"/>
    </row>
    <row r="102" spans="1:41" s="59" customFormat="1" ht="9.75" customHeight="1">
      <c r="A102" s="40"/>
      <c r="B102" s="194"/>
      <c r="C102" s="169"/>
      <c r="D102" s="194"/>
      <c r="E102" s="169"/>
      <c r="F102" s="41"/>
      <c r="G102" s="169"/>
      <c r="H102" s="44"/>
      <c r="I102" s="169"/>
      <c r="J102" s="44"/>
      <c r="K102" s="192"/>
      <c r="L102" s="169"/>
      <c r="M102" s="191"/>
      <c r="N102" s="45"/>
      <c r="O102" s="168"/>
      <c r="P102" s="227" t="s">
        <v>40</v>
      </c>
      <c r="Q102" s="221" t="s">
        <v>700</v>
      </c>
      <c r="R102" s="162"/>
      <c r="S102" s="167"/>
      <c r="T102" s="196"/>
      <c r="U102" s="167"/>
      <c r="V102" s="69"/>
      <c r="W102" s="70"/>
      <c r="X102" s="70"/>
      <c r="Y102" s="70"/>
      <c r="Z102" s="195" t="s">
        <v>1</v>
      </c>
      <c r="AA102" s="74"/>
      <c r="AB102" s="74"/>
      <c r="AC102" s="74"/>
      <c r="AD102" s="75"/>
      <c r="AE102" s="25"/>
      <c r="AF102" s="25"/>
      <c r="AG102" s="25"/>
      <c r="AH102" s="74"/>
      <c r="AI102" s="74"/>
      <c r="AJ102" s="74"/>
      <c r="AK102" s="74"/>
      <c r="AL102" s="75"/>
      <c r="AM102" s="25"/>
      <c r="AN102" s="25"/>
      <c r="AO102" s="32"/>
    </row>
    <row r="103" spans="1:41" s="59" customFormat="1" ht="9.75" customHeight="1">
      <c r="A103" s="40"/>
      <c r="B103" s="194"/>
      <c r="C103" s="169"/>
      <c r="D103" s="194"/>
      <c r="E103" s="169"/>
      <c r="F103" s="41"/>
      <c r="G103" s="169"/>
      <c r="H103" s="44"/>
      <c r="I103" s="169"/>
      <c r="J103" s="44"/>
      <c r="K103" s="192"/>
      <c r="L103" s="169"/>
      <c r="M103" s="191"/>
      <c r="N103" s="45"/>
      <c r="O103" s="168"/>
      <c r="P103" s="228"/>
      <c r="Q103" s="222"/>
      <c r="R103" s="169"/>
      <c r="S103" s="168" t="s">
        <v>1239</v>
      </c>
      <c r="T103" s="190" t="s">
        <v>1238</v>
      </c>
      <c r="U103" s="168"/>
      <c r="V103" s="44" t="s">
        <v>22</v>
      </c>
      <c r="W103" s="45" t="s">
        <v>22</v>
      </c>
      <c r="X103" s="45" t="s">
        <v>22</v>
      </c>
      <c r="Y103" s="45" t="s">
        <v>1237</v>
      </c>
      <c r="Z103" s="189"/>
      <c r="AA103" s="33"/>
      <c r="AB103" s="33"/>
      <c r="AC103" s="33"/>
      <c r="AD103" s="34"/>
      <c r="AE103" s="35"/>
      <c r="AF103" s="35"/>
      <c r="AG103" s="35"/>
      <c r="AH103" s="33"/>
      <c r="AI103" s="33"/>
      <c r="AJ103" s="33"/>
      <c r="AK103" s="33"/>
      <c r="AL103" s="34"/>
      <c r="AM103" s="35"/>
      <c r="AN103" s="35"/>
      <c r="AO103" s="36"/>
    </row>
    <row r="104" spans="1:41" s="59" customFormat="1" ht="9.75" customHeight="1">
      <c r="A104" s="40"/>
      <c r="B104" s="194"/>
      <c r="C104" s="169"/>
      <c r="D104" s="194"/>
      <c r="E104" s="169"/>
      <c r="F104" s="41"/>
      <c r="G104" s="169"/>
      <c r="H104" s="44"/>
      <c r="I104" s="169"/>
      <c r="J104" s="44"/>
      <c r="K104" s="192"/>
      <c r="L104" s="169"/>
      <c r="M104" s="191"/>
      <c r="N104" s="45"/>
      <c r="O104" s="168"/>
      <c r="P104" s="229"/>
      <c r="Q104" s="223"/>
      <c r="R104" s="169"/>
      <c r="S104" s="168"/>
      <c r="T104" s="190"/>
      <c r="U104" s="168"/>
      <c r="V104" s="44"/>
      <c r="W104" s="45"/>
      <c r="X104" s="45"/>
      <c r="Y104" s="45"/>
      <c r="Z104" s="189"/>
      <c r="AA104" s="33"/>
      <c r="AB104" s="33"/>
      <c r="AC104" s="33"/>
      <c r="AD104" s="34"/>
      <c r="AE104" s="35"/>
      <c r="AF104" s="35"/>
      <c r="AG104" s="35"/>
      <c r="AH104" s="33"/>
      <c r="AI104" s="33"/>
      <c r="AJ104" s="33"/>
      <c r="AK104" s="33"/>
      <c r="AL104" s="34"/>
      <c r="AM104" s="35"/>
      <c r="AN104" s="35"/>
      <c r="AO104" s="36"/>
    </row>
    <row r="105" spans="1:41" s="59" customFormat="1" ht="9.75" customHeight="1">
      <c r="A105" s="40"/>
      <c r="B105" s="194"/>
      <c r="C105" s="169"/>
      <c r="D105" s="194"/>
      <c r="E105" s="169"/>
      <c r="F105" s="41"/>
      <c r="G105" s="169"/>
      <c r="H105" s="44"/>
      <c r="I105" s="169"/>
      <c r="J105" s="44"/>
      <c r="K105" s="192"/>
      <c r="L105" s="169"/>
      <c r="M105" s="191"/>
      <c r="N105" s="45"/>
      <c r="O105" s="168"/>
      <c r="P105" s="227" t="s">
        <v>79</v>
      </c>
      <c r="Q105" s="221" t="s">
        <v>699</v>
      </c>
      <c r="R105" s="162"/>
      <c r="S105" s="167"/>
      <c r="T105" s="196"/>
      <c r="U105" s="167"/>
      <c r="V105" s="69"/>
      <c r="W105" s="70"/>
      <c r="X105" s="70"/>
      <c r="Y105" s="70"/>
      <c r="Z105" s="195" t="s">
        <v>1</v>
      </c>
      <c r="AA105" s="74"/>
      <c r="AB105" s="74"/>
      <c r="AC105" s="74"/>
      <c r="AD105" s="75"/>
      <c r="AE105" s="25"/>
      <c r="AF105" s="25"/>
      <c r="AG105" s="25"/>
      <c r="AH105" s="74"/>
      <c r="AI105" s="74"/>
      <c r="AJ105" s="74"/>
      <c r="AK105" s="74"/>
      <c r="AL105" s="75"/>
      <c r="AM105" s="25"/>
      <c r="AN105" s="25"/>
      <c r="AO105" s="32"/>
    </row>
    <row r="106" spans="1:41" s="59" customFormat="1" ht="9.75" customHeight="1">
      <c r="A106" s="40"/>
      <c r="B106" s="194"/>
      <c r="C106" s="169"/>
      <c r="D106" s="194"/>
      <c r="E106" s="169"/>
      <c r="F106" s="41"/>
      <c r="G106" s="169"/>
      <c r="H106" s="44"/>
      <c r="I106" s="169"/>
      <c r="J106" s="44"/>
      <c r="K106" s="192"/>
      <c r="L106" s="169"/>
      <c r="M106" s="191"/>
      <c r="N106" s="45"/>
      <c r="O106" s="168"/>
      <c r="P106" s="228"/>
      <c r="Q106" s="222"/>
      <c r="R106" s="169"/>
      <c r="S106" s="168" t="s">
        <v>1236</v>
      </c>
      <c r="T106" s="190" t="s">
        <v>1235</v>
      </c>
      <c r="U106" s="168"/>
      <c r="V106" s="44" t="s">
        <v>22</v>
      </c>
      <c r="W106" s="45" t="s">
        <v>1234</v>
      </c>
      <c r="X106" s="45" t="s">
        <v>22</v>
      </c>
      <c r="Y106" s="45" t="s">
        <v>1233</v>
      </c>
      <c r="Z106" s="189"/>
      <c r="AA106" s="33"/>
      <c r="AB106" s="33"/>
      <c r="AC106" s="33"/>
      <c r="AD106" s="34"/>
      <c r="AE106" s="35"/>
      <c r="AF106" s="35"/>
      <c r="AG106" s="35"/>
      <c r="AH106" s="33"/>
      <c r="AI106" s="33"/>
      <c r="AJ106" s="33"/>
      <c r="AK106" s="33"/>
      <c r="AL106" s="34"/>
      <c r="AM106" s="35"/>
      <c r="AN106" s="35"/>
      <c r="AO106" s="36"/>
    </row>
    <row r="107" spans="1:41" s="59" customFormat="1" ht="9.75" customHeight="1">
      <c r="A107" s="40"/>
      <c r="B107" s="194"/>
      <c r="C107" s="169"/>
      <c r="D107" s="194"/>
      <c r="E107" s="169"/>
      <c r="F107" s="41"/>
      <c r="G107" s="169"/>
      <c r="H107" s="44"/>
      <c r="I107" s="169"/>
      <c r="J107" s="44"/>
      <c r="K107" s="192"/>
      <c r="L107" s="169"/>
      <c r="M107" s="191"/>
      <c r="N107" s="45"/>
      <c r="O107" s="168"/>
      <c r="P107" s="229"/>
      <c r="Q107" s="223"/>
      <c r="R107" s="169"/>
      <c r="S107" s="168"/>
      <c r="T107" s="190"/>
      <c r="U107" s="168"/>
      <c r="V107" s="44"/>
      <c r="W107" s="45"/>
      <c r="X107" s="45"/>
      <c r="Y107" s="45"/>
      <c r="Z107" s="189"/>
      <c r="AA107" s="33"/>
      <c r="AB107" s="33"/>
      <c r="AC107" s="33"/>
      <c r="AD107" s="34"/>
      <c r="AE107" s="35"/>
      <c r="AF107" s="35"/>
      <c r="AG107" s="35"/>
      <c r="AH107" s="33"/>
      <c r="AI107" s="33"/>
      <c r="AJ107" s="33"/>
      <c r="AK107" s="33"/>
      <c r="AL107" s="34"/>
      <c r="AM107" s="35"/>
      <c r="AN107" s="35"/>
      <c r="AO107" s="36"/>
    </row>
    <row r="108" spans="1:41" s="59" customFormat="1" ht="9.75" customHeight="1">
      <c r="A108" s="40"/>
      <c r="B108" s="194"/>
      <c r="C108" s="169"/>
      <c r="D108" s="194"/>
      <c r="E108" s="169"/>
      <c r="F108" s="41"/>
      <c r="G108" s="169"/>
      <c r="H108" s="44"/>
      <c r="I108" s="169"/>
      <c r="J108" s="44"/>
      <c r="K108" s="192"/>
      <c r="L108" s="169"/>
      <c r="M108" s="191"/>
      <c r="N108" s="45"/>
      <c r="O108" s="168"/>
      <c r="P108" s="227" t="s">
        <v>100</v>
      </c>
      <c r="Q108" s="230" t="s">
        <v>695</v>
      </c>
      <c r="R108" s="162"/>
      <c r="S108" s="167"/>
      <c r="T108" s="196"/>
      <c r="U108" s="167"/>
      <c r="V108" s="69"/>
      <c r="W108" s="70"/>
      <c r="X108" s="70"/>
      <c r="Y108" s="70"/>
      <c r="Z108" s="195" t="s">
        <v>1</v>
      </c>
      <c r="AA108" s="74"/>
      <c r="AB108" s="74"/>
      <c r="AC108" s="74"/>
      <c r="AD108" s="75"/>
      <c r="AE108" s="25"/>
      <c r="AF108" s="25"/>
      <c r="AG108" s="25"/>
      <c r="AH108" s="74"/>
      <c r="AI108" s="74"/>
      <c r="AJ108" s="74"/>
      <c r="AK108" s="74"/>
      <c r="AL108" s="75"/>
      <c r="AM108" s="25"/>
      <c r="AN108" s="25"/>
      <c r="AO108" s="32"/>
    </row>
    <row r="109" spans="1:41" s="59" customFormat="1" ht="9.75" customHeight="1">
      <c r="A109" s="40"/>
      <c r="B109" s="194"/>
      <c r="C109" s="169"/>
      <c r="D109" s="194"/>
      <c r="E109" s="169"/>
      <c r="F109" s="41"/>
      <c r="G109" s="169"/>
      <c r="H109" s="44"/>
      <c r="I109" s="169"/>
      <c r="J109" s="44"/>
      <c r="K109" s="192"/>
      <c r="L109" s="169"/>
      <c r="M109" s="191"/>
      <c r="N109" s="45"/>
      <c r="O109" s="168"/>
      <c r="P109" s="228"/>
      <c r="Q109" s="222"/>
      <c r="R109" s="169"/>
      <c r="S109" s="168" t="s">
        <v>1232</v>
      </c>
      <c r="T109" s="190" t="s">
        <v>1231</v>
      </c>
      <c r="U109" s="168"/>
      <c r="V109" s="44" t="s">
        <v>22</v>
      </c>
      <c r="W109" s="45" t="s">
        <v>22</v>
      </c>
      <c r="X109" s="45" t="s">
        <v>22</v>
      </c>
      <c r="Y109" s="45" t="s">
        <v>1230</v>
      </c>
      <c r="Z109" s="189"/>
      <c r="AA109" s="33"/>
      <c r="AB109" s="33"/>
      <c r="AC109" s="33"/>
      <c r="AD109" s="34"/>
      <c r="AE109" s="35"/>
      <c r="AF109" s="35"/>
      <c r="AG109" s="35"/>
      <c r="AH109" s="33"/>
      <c r="AI109" s="33"/>
      <c r="AJ109" s="33"/>
      <c r="AK109" s="33"/>
      <c r="AL109" s="34"/>
      <c r="AM109" s="35"/>
      <c r="AN109" s="35"/>
      <c r="AO109" s="36"/>
    </row>
    <row r="110" spans="1:41" s="59" customFormat="1" ht="9.75" customHeight="1">
      <c r="A110" s="40"/>
      <c r="B110" s="194"/>
      <c r="C110" s="169"/>
      <c r="D110" s="194"/>
      <c r="E110" s="169"/>
      <c r="F110" s="41"/>
      <c r="G110" s="169"/>
      <c r="H110" s="44"/>
      <c r="I110" s="169"/>
      <c r="J110" s="44"/>
      <c r="K110" s="192"/>
      <c r="L110" s="169"/>
      <c r="M110" s="191"/>
      <c r="N110" s="45"/>
      <c r="O110" s="168"/>
      <c r="P110" s="229"/>
      <c r="Q110" s="223"/>
      <c r="R110" s="169"/>
      <c r="S110" s="168"/>
      <c r="T110" s="190"/>
      <c r="U110" s="168"/>
      <c r="V110" s="44"/>
      <c r="W110" s="45"/>
      <c r="X110" s="45"/>
      <c r="Y110" s="45"/>
      <c r="Z110" s="189"/>
      <c r="AA110" s="33"/>
      <c r="AB110" s="33"/>
      <c r="AC110" s="33"/>
      <c r="AD110" s="34"/>
      <c r="AE110" s="35"/>
      <c r="AF110" s="35"/>
      <c r="AG110" s="35"/>
      <c r="AH110" s="33"/>
      <c r="AI110" s="33"/>
      <c r="AJ110" s="33"/>
      <c r="AK110" s="33"/>
      <c r="AL110" s="34"/>
      <c r="AM110" s="35"/>
      <c r="AN110" s="35"/>
      <c r="AO110" s="36"/>
    </row>
    <row r="111" spans="1:41" s="59" customFormat="1" ht="9.75" customHeight="1">
      <c r="A111" s="40"/>
      <c r="B111" s="194"/>
      <c r="C111" s="169"/>
      <c r="D111" s="194"/>
      <c r="E111" s="169"/>
      <c r="F111" s="41"/>
      <c r="G111" s="169"/>
      <c r="H111" s="44"/>
      <c r="I111" s="169"/>
      <c r="J111" s="44"/>
      <c r="K111" s="192"/>
      <c r="L111" s="169"/>
      <c r="M111" s="191"/>
      <c r="N111" s="45"/>
      <c r="O111" s="168"/>
      <c r="P111" s="227" t="s">
        <v>875</v>
      </c>
      <c r="Q111" s="221" t="s">
        <v>874</v>
      </c>
      <c r="R111" s="162"/>
      <c r="S111" s="167"/>
      <c r="T111" s="196"/>
      <c r="U111" s="167"/>
      <c r="V111" s="69"/>
      <c r="W111" s="70"/>
      <c r="X111" s="70"/>
      <c r="Y111" s="70"/>
      <c r="Z111" s="195" t="s">
        <v>1</v>
      </c>
      <c r="AA111" s="74"/>
      <c r="AB111" s="74"/>
      <c r="AC111" s="74"/>
      <c r="AD111" s="75"/>
      <c r="AE111" s="25"/>
      <c r="AF111" s="25"/>
      <c r="AG111" s="25"/>
      <c r="AH111" s="74"/>
      <c r="AI111" s="74"/>
      <c r="AJ111" s="74"/>
      <c r="AK111" s="74"/>
      <c r="AL111" s="75"/>
      <c r="AM111" s="25"/>
      <c r="AN111" s="25"/>
      <c r="AO111" s="32"/>
    </row>
    <row r="112" spans="1:41" s="59" customFormat="1" ht="9.75" customHeight="1">
      <c r="A112" s="40"/>
      <c r="B112" s="194"/>
      <c r="C112" s="169"/>
      <c r="D112" s="194"/>
      <c r="E112" s="169"/>
      <c r="F112" s="41"/>
      <c r="G112" s="169"/>
      <c r="H112" s="44"/>
      <c r="I112" s="169"/>
      <c r="J112" s="44"/>
      <c r="K112" s="192"/>
      <c r="L112" s="169"/>
      <c r="M112" s="191"/>
      <c r="N112" s="45"/>
      <c r="O112" s="168"/>
      <c r="P112" s="228"/>
      <c r="Q112" s="222"/>
      <c r="R112" s="169"/>
      <c r="S112" s="168" t="s">
        <v>1229</v>
      </c>
      <c r="T112" s="190" t="s">
        <v>1228</v>
      </c>
      <c r="U112" s="168"/>
      <c r="V112" s="44" t="s">
        <v>22</v>
      </c>
      <c r="W112" s="45" t="s">
        <v>1227</v>
      </c>
      <c r="X112" s="45" t="s">
        <v>22</v>
      </c>
      <c r="Y112" s="45" t="s">
        <v>1226</v>
      </c>
      <c r="Z112" s="189"/>
      <c r="AA112" s="33"/>
      <c r="AB112" s="33"/>
      <c r="AC112" s="33"/>
      <c r="AD112" s="34"/>
      <c r="AE112" s="35"/>
      <c r="AF112" s="35"/>
      <c r="AG112" s="35"/>
      <c r="AH112" s="33"/>
      <c r="AI112" s="33"/>
      <c r="AJ112" s="33"/>
      <c r="AK112" s="33"/>
      <c r="AL112" s="34"/>
      <c r="AM112" s="35"/>
      <c r="AN112" s="35"/>
      <c r="AO112" s="36"/>
    </row>
    <row r="113" spans="1:41" s="59" customFormat="1" ht="9.75" customHeight="1">
      <c r="A113" s="40"/>
      <c r="B113" s="194"/>
      <c r="C113" s="169"/>
      <c r="D113" s="194"/>
      <c r="E113" s="169"/>
      <c r="F113" s="41"/>
      <c r="G113" s="169"/>
      <c r="H113" s="44"/>
      <c r="I113" s="169"/>
      <c r="J113" s="44"/>
      <c r="K113" s="192"/>
      <c r="L113" s="169"/>
      <c r="M113" s="191"/>
      <c r="N113" s="45"/>
      <c r="O113" s="168"/>
      <c r="P113" s="229"/>
      <c r="Q113" s="223"/>
      <c r="R113" s="169"/>
      <c r="S113" s="168"/>
      <c r="T113" s="190"/>
      <c r="U113" s="168"/>
      <c r="V113" s="44"/>
      <c r="W113" s="45"/>
      <c r="X113" s="45"/>
      <c r="Y113" s="45"/>
      <c r="Z113" s="189"/>
      <c r="AA113" s="33"/>
      <c r="AB113" s="33"/>
      <c r="AC113" s="33"/>
      <c r="AD113" s="34"/>
      <c r="AE113" s="35"/>
      <c r="AF113" s="35"/>
      <c r="AG113" s="35"/>
      <c r="AH113" s="33"/>
      <c r="AI113" s="33"/>
      <c r="AJ113" s="33"/>
      <c r="AK113" s="33"/>
      <c r="AL113" s="34"/>
      <c r="AM113" s="35"/>
      <c r="AN113" s="35"/>
      <c r="AO113" s="36"/>
    </row>
    <row r="114" spans="1:41" s="59" customFormat="1" ht="9.75" customHeight="1">
      <c r="A114" s="40"/>
      <c r="B114" s="194"/>
      <c r="C114" s="169"/>
      <c r="D114" s="194"/>
      <c r="E114" s="169"/>
      <c r="F114" s="41"/>
      <c r="G114" s="169"/>
      <c r="H114" s="44"/>
      <c r="I114" s="169"/>
      <c r="J114" s="44"/>
      <c r="K114" s="192"/>
      <c r="L114" s="169"/>
      <c r="M114" s="191"/>
      <c r="N114" s="45"/>
      <c r="O114" s="168"/>
      <c r="P114" s="227" t="s">
        <v>865</v>
      </c>
      <c r="Q114" s="221" t="s">
        <v>864</v>
      </c>
      <c r="R114" s="162"/>
      <c r="S114" s="167"/>
      <c r="T114" s="196"/>
      <c r="U114" s="167"/>
      <c r="V114" s="69"/>
      <c r="W114" s="70"/>
      <c r="X114" s="70"/>
      <c r="Y114" s="70"/>
      <c r="Z114" s="195" t="s">
        <v>1</v>
      </c>
      <c r="AA114" s="74"/>
      <c r="AB114" s="74"/>
      <c r="AC114" s="74"/>
      <c r="AD114" s="75"/>
      <c r="AE114" s="25"/>
      <c r="AF114" s="25"/>
      <c r="AG114" s="25"/>
      <c r="AH114" s="74"/>
      <c r="AI114" s="74"/>
      <c r="AJ114" s="74"/>
      <c r="AK114" s="74"/>
      <c r="AL114" s="75"/>
      <c r="AM114" s="25"/>
      <c r="AN114" s="25"/>
      <c r="AO114" s="32"/>
    </row>
    <row r="115" spans="1:41" s="59" customFormat="1" ht="9.75" customHeight="1">
      <c r="A115" s="40"/>
      <c r="B115" s="194"/>
      <c r="C115" s="169"/>
      <c r="D115" s="194"/>
      <c r="E115" s="169"/>
      <c r="F115" s="41"/>
      <c r="G115" s="169"/>
      <c r="H115" s="44"/>
      <c r="I115" s="169"/>
      <c r="J115" s="44"/>
      <c r="K115" s="192"/>
      <c r="L115" s="169"/>
      <c r="M115" s="191"/>
      <c r="N115" s="45"/>
      <c r="O115" s="168"/>
      <c r="P115" s="228"/>
      <c r="Q115" s="222"/>
      <c r="R115" s="169"/>
      <c r="S115" s="168" t="s">
        <v>1225</v>
      </c>
      <c r="T115" s="190" t="s">
        <v>1224</v>
      </c>
      <c r="U115" s="168"/>
      <c r="V115" s="44" t="s">
        <v>22</v>
      </c>
      <c r="W115" s="45" t="s">
        <v>22</v>
      </c>
      <c r="X115" s="45" t="s">
        <v>22</v>
      </c>
      <c r="Y115" s="45" t="s">
        <v>1223</v>
      </c>
      <c r="Z115" s="189"/>
      <c r="AA115" s="33"/>
      <c r="AB115" s="33"/>
      <c r="AC115" s="33"/>
      <c r="AD115" s="34"/>
      <c r="AE115" s="35"/>
      <c r="AF115" s="35"/>
      <c r="AG115" s="35"/>
      <c r="AH115" s="33"/>
      <c r="AI115" s="33"/>
      <c r="AJ115" s="33"/>
      <c r="AK115" s="33"/>
      <c r="AL115" s="34"/>
      <c r="AM115" s="35"/>
      <c r="AN115" s="35"/>
      <c r="AO115" s="36"/>
    </row>
    <row r="116" spans="1:41" s="59" customFormat="1" ht="9.75" customHeight="1">
      <c r="A116" s="40"/>
      <c r="B116" s="194"/>
      <c r="C116" s="169"/>
      <c r="D116" s="194"/>
      <c r="E116" s="169"/>
      <c r="F116" s="41"/>
      <c r="G116" s="169"/>
      <c r="H116" s="44"/>
      <c r="I116" s="169"/>
      <c r="J116" s="44"/>
      <c r="K116" s="192"/>
      <c r="L116" s="169"/>
      <c r="M116" s="191"/>
      <c r="N116" s="45"/>
      <c r="O116" s="168"/>
      <c r="P116" s="229"/>
      <c r="Q116" s="223"/>
      <c r="R116" s="169"/>
      <c r="S116" s="168"/>
      <c r="T116" s="190"/>
      <c r="U116" s="168"/>
      <c r="V116" s="44"/>
      <c r="W116" s="45"/>
      <c r="X116" s="45"/>
      <c r="Y116" s="45"/>
      <c r="Z116" s="189"/>
      <c r="AA116" s="33"/>
      <c r="AB116" s="33"/>
      <c r="AC116" s="33"/>
      <c r="AD116" s="34"/>
      <c r="AE116" s="35"/>
      <c r="AF116" s="35"/>
      <c r="AG116" s="35"/>
      <c r="AH116" s="33"/>
      <c r="AI116" s="33"/>
      <c r="AJ116" s="33"/>
      <c r="AK116" s="33"/>
      <c r="AL116" s="34"/>
      <c r="AM116" s="35"/>
      <c r="AN116" s="35"/>
      <c r="AO116" s="36"/>
    </row>
    <row r="117" spans="1:41" s="59" customFormat="1" ht="9.75" customHeight="1">
      <c r="A117" s="40"/>
      <c r="B117" s="194"/>
      <c r="C117" s="169"/>
      <c r="D117" s="194"/>
      <c r="E117" s="169"/>
      <c r="F117" s="41"/>
      <c r="G117" s="169"/>
      <c r="H117" s="44"/>
      <c r="I117" s="169"/>
      <c r="J117" s="44"/>
      <c r="K117" s="192"/>
      <c r="L117" s="169"/>
      <c r="M117" s="191"/>
      <c r="N117" s="45"/>
      <c r="O117" s="168"/>
      <c r="P117" s="227" t="s">
        <v>680</v>
      </c>
      <c r="Q117" s="230" t="s">
        <v>679</v>
      </c>
      <c r="R117" s="162"/>
      <c r="S117" s="167"/>
      <c r="T117" s="196"/>
      <c r="U117" s="167"/>
      <c r="V117" s="69"/>
      <c r="W117" s="70"/>
      <c r="X117" s="70"/>
      <c r="Y117" s="70"/>
      <c r="Z117" s="195" t="s">
        <v>1</v>
      </c>
      <c r="AA117" s="74"/>
      <c r="AB117" s="74"/>
      <c r="AC117" s="74"/>
      <c r="AD117" s="75"/>
      <c r="AE117" s="25"/>
      <c r="AF117" s="25"/>
      <c r="AG117" s="25"/>
      <c r="AH117" s="74"/>
      <c r="AI117" s="74"/>
      <c r="AJ117" s="74"/>
      <c r="AK117" s="74"/>
      <c r="AL117" s="75"/>
      <c r="AM117" s="25"/>
      <c r="AN117" s="25"/>
      <c r="AO117" s="32"/>
    </row>
    <row r="118" spans="1:41" s="59" customFormat="1" ht="9.75" customHeight="1">
      <c r="A118" s="40"/>
      <c r="B118" s="194"/>
      <c r="C118" s="169"/>
      <c r="D118" s="194"/>
      <c r="E118" s="169"/>
      <c r="F118" s="41"/>
      <c r="G118" s="169"/>
      <c r="H118" s="44"/>
      <c r="I118" s="169"/>
      <c r="J118" s="44"/>
      <c r="K118" s="192"/>
      <c r="L118" s="169"/>
      <c r="M118" s="191"/>
      <c r="N118" s="45"/>
      <c r="O118" s="168"/>
      <c r="P118" s="228"/>
      <c r="Q118" s="222"/>
      <c r="R118" s="169"/>
      <c r="S118" s="168" t="s">
        <v>1222</v>
      </c>
      <c r="T118" s="190" t="s">
        <v>1221</v>
      </c>
      <c r="U118" s="168"/>
      <c r="V118" s="44" t="s">
        <v>22</v>
      </c>
      <c r="W118" s="45" t="s">
        <v>22</v>
      </c>
      <c r="X118" s="45" t="s">
        <v>22</v>
      </c>
      <c r="Y118" s="45" t="s">
        <v>1220</v>
      </c>
      <c r="Z118" s="189"/>
      <c r="AA118" s="33"/>
      <c r="AB118" s="33"/>
      <c r="AC118" s="33"/>
      <c r="AD118" s="34"/>
      <c r="AE118" s="35"/>
      <c r="AF118" s="35"/>
      <c r="AG118" s="35"/>
      <c r="AH118" s="33"/>
      <c r="AI118" s="33"/>
      <c r="AJ118" s="33"/>
      <c r="AK118" s="33"/>
      <c r="AL118" s="34"/>
      <c r="AM118" s="35"/>
      <c r="AN118" s="35"/>
      <c r="AO118" s="36"/>
    </row>
    <row r="119" spans="1:41" s="59" customFormat="1" ht="9.75" customHeight="1">
      <c r="A119" s="40"/>
      <c r="B119" s="194"/>
      <c r="C119" s="169"/>
      <c r="D119" s="194"/>
      <c r="E119" s="169"/>
      <c r="F119" s="41"/>
      <c r="G119" s="169"/>
      <c r="H119" s="44"/>
      <c r="I119" s="169"/>
      <c r="J119" s="44"/>
      <c r="K119" s="192"/>
      <c r="L119" s="169"/>
      <c r="M119" s="191"/>
      <c r="N119" s="45"/>
      <c r="O119" s="168"/>
      <c r="P119" s="229"/>
      <c r="Q119" s="223"/>
      <c r="R119" s="169"/>
      <c r="S119" s="168"/>
      <c r="T119" s="190"/>
      <c r="U119" s="168"/>
      <c r="V119" s="44"/>
      <c r="W119" s="45"/>
      <c r="X119" s="45"/>
      <c r="Y119" s="45"/>
      <c r="Z119" s="189"/>
      <c r="AA119" s="33"/>
      <c r="AB119" s="33"/>
      <c r="AC119" s="33"/>
      <c r="AD119" s="34"/>
      <c r="AE119" s="35"/>
      <c r="AF119" s="35"/>
      <c r="AG119" s="35"/>
      <c r="AH119" s="33"/>
      <c r="AI119" s="33"/>
      <c r="AJ119" s="33"/>
      <c r="AK119" s="33"/>
      <c r="AL119" s="34"/>
      <c r="AM119" s="35"/>
      <c r="AN119" s="35"/>
      <c r="AO119" s="36"/>
    </row>
    <row r="120" spans="1:41" s="59" customFormat="1" ht="9.75" customHeight="1">
      <c r="A120" s="40"/>
      <c r="B120" s="194"/>
      <c r="C120" s="169"/>
      <c r="D120" s="194"/>
      <c r="E120" s="169"/>
      <c r="F120" s="41"/>
      <c r="G120" s="169"/>
      <c r="H120" s="44"/>
      <c r="I120" s="169"/>
      <c r="J120" s="44"/>
      <c r="K120" s="192"/>
      <c r="L120" s="169"/>
      <c r="M120" s="191"/>
      <c r="N120" s="45"/>
      <c r="O120" s="168"/>
      <c r="P120" s="227" t="s">
        <v>1219</v>
      </c>
      <c r="Q120" s="221" t="s">
        <v>1218</v>
      </c>
      <c r="R120" s="162"/>
      <c r="S120" s="167"/>
      <c r="T120" s="196"/>
      <c r="U120" s="167"/>
      <c r="V120" s="69"/>
      <c r="W120" s="70"/>
      <c r="X120" s="70"/>
      <c r="Y120" s="70"/>
      <c r="Z120" s="195" t="s">
        <v>1</v>
      </c>
      <c r="AA120" s="74"/>
      <c r="AB120" s="74"/>
      <c r="AC120" s="74"/>
      <c r="AD120" s="75"/>
      <c r="AE120" s="25"/>
      <c r="AF120" s="25"/>
      <c r="AG120" s="25"/>
      <c r="AH120" s="74"/>
      <c r="AI120" s="74"/>
      <c r="AJ120" s="74"/>
      <c r="AK120" s="74"/>
      <c r="AL120" s="75"/>
      <c r="AM120" s="25"/>
      <c r="AN120" s="25"/>
      <c r="AO120" s="32"/>
    </row>
    <row r="121" spans="1:41" s="59" customFormat="1" ht="9.75" customHeight="1">
      <c r="A121" s="40"/>
      <c r="B121" s="194"/>
      <c r="C121" s="169"/>
      <c r="D121" s="194"/>
      <c r="E121" s="169"/>
      <c r="F121" s="41"/>
      <c r="G121" s="169"/>
      <c r="H121" s="44"/>
      <c r="I121" s="169"/>
      <c r="J121" s="44"/>
      <c r="K121" s="192"/>
      <c r="L121" s="169"/>
      <c r="M121" s="191"/>
      <c r="N121" s="45"/>
      <c r="O121" s="168"/>
      <c r="P121" s="228"/>
      <c r="Q121" s="222"/>
      <c r="R121" s="169"/>
      <c r="S121" s="168" t="s">
        <v>1217</v>
      </c>
      <c r="T121" s="190" t="s">
        <v>1216</v>
      </c>
      <c r="U121" s="168"/>
      <c r="V121" s="44" t="s">
        <v>22</v>
      </c>
      <c r="W121" s="45" t="s">
        <v>22</v>
      </c>
      <c r="X121" s="45" t="s">
        <v>22</v>
      </c>
      <c r="Y121" s="45" t="s">
        <v>1215</v>
      </c>
      <c r="Z121" s="189"/>
      <c r="AA121" s="33"/>
      <c r="AB121" s="33"/>
      <c r="AC121" s="33"/>
      <c r="AD121" s="34"/>
      <c r="AE121" s="35"/>
      <c r="AF121" s="35"/>
      <c r="AG121" s="35"/>
      <c r="AH121" s="33"/>
      <c r="AI121" s="33"/>
      <c r="AJ121" s="33"/>
      <c r="AK121" s="33"/>
      <c r="AL121" s="34"/>
      <c r="AM121" s="35"/>
      <c r="AN121" s="35"/>
      <c r="AO121" s="36"/>
    </row>
    <row r="122" spans="1:41" s="59" customFormat="1" ht="9.75" customHeight="1">
      <c r="A122" s="40"/>
      <c r="B122" s="194"/>
      <c r="C122" s="172"/>
      <c r="D122" s="203"/>
      <c r="E122" s="172"/>
      <c r="F122" s="90"/>
      <c r="G122" s="172"/>
      <c r="H122" s="92"/>
      <c r="I122" s="172"/>
      <c r="J122" s="92"/>
      <c r="K122" s="202"/>
      <c r="L122" s="172"/>
      <c r="M122" s="201"/>
      <c r="N122" s="48"/>
      <c r="O122" s="174"/>
      <c r="P122" s="229"/>
      <c r="Q122" s="223"/>
      <c r="R122" s="172"/>
      <c r="S122" s="174"/>
      <c r="T122" s="200"/>
      <c r="U122" s="174"/>
      <c r="V122" s="92"/>
      <c r="W122" s="48"/>
      <c r="X122" s="48"/>
      <c r="Y122" s="48"/>
      <c r="Z122" s="199"/>
      <c r="AA122" s="95"/>
      <c r="AB122" s="95"/>
      <c r="AC122" s="95"/>
      <c r="AD122" s="96"/>
      <c r="AE122" s="97"/>
      <c r="AF122" s="97"/>
      <c r="AG122" s="97"/>
      <c r="AH122" s="95"/>
      <c r="AI122" s="95"/>
      <c r="AJ122" s="95"/>
      <c r="AK122" s="95"/>
      <c r="AL122" s="96"/>
      <c r="AM122" s="97"/>
      <c r="AN122" s="97"/>
      <c r="AO122" s="98"/>
    </row>
    <row r="123" spans="1:41" s="59" customFormat="1" ht="9.75" customHeight="1">
      <c r="A123" s="40"/>
      <c r="B123" s="170"/>
      <c r="C123" s="218" t="s">
        <v>26</v>
      </c>
      <c r="D123" s="221" t="s">
        <v>675</v>
      </c>
      <c r="E123" s="162"/>
      <c r="F123" s="163"/>
      <c r="G123" s="162"/>
      <c r="H123" s="69"/>
      <c r="I123" s="162"/>
      <c r="J123" s="69"/>
      <c r="K123" s="198"/>
      <c r="L123" s="162"/>
      <c r="M123" s="197"/>
      <c r="N123" s="70"/>
      <c r="O123" s="167"/>
      <c r="P123" s="167"/>
      <c r="Q123" s="68"/>
      <c r="R123" s="162"/>
      <c r="S123" s="167"/>
      <c r="T123" s="196"/>
      <c r="U123" s="167"/>
      <c r="V123" s="69"/>
      <c r="W123" s="70"/>
      <c r="X123" s="70"/>
      <c r="Y123" s="70"/>
      <c r="Z123" s="195" t="s">
        <v>1</v>
      </c>
      <c r="AA123" s="74"/>
      <c r="AB123" s="74"/>
      <c r="AC123" s="74"/>
      <c r="AD123" s="75"/>
      <c r="AE123" s="25"/>
      <c r="AF123" s="25"/>
      <c r="AG123" s="25"/>
      <c r="AH123" s="74"/>
      <c r="AI123" s="74"/>
      <c r="AJ123" s="74"/>
      <c r="AK123" s="74"/>
      <c r="AL123" s="75"/>
      <c r="AM123" s="25"/>
      <c r="AN123" s="25"/>
      <c r="AO123" s="32"/>
    </row>
    <row r="124" spans="1:41" s="59" customFormat="1" ht="9.75" customHeight="1">
      <c r="A124" s="40"/>
      <c r="B124" s="193"/>
      <c r="C124" s="219"/>
      <c r="D124" s="222"/>
      <c r="E124" s="169"/>
      <c r="F124" s="170"/>
      <c r="G124" s="169"/>
      <c r="H124" s="44" t="s">
        <v>1214</v>
      </c>
      <c r="I124" s="169" t="s">
        <v>23</v>
      </c>
      <c r="J124" s="44" t="s">
        <v>1213</v>
      </c>
      <c r="K124" s="192" t="s">
        <v>22</v>
      </c>
      <c r="L124" s="169"/>
      <c r="M124" s="191" t="s">
        <v>22</v>
      </c>
      <c r="N124" s="45" t="s">
        <v>151</v>
      </c>
      <c r="O124" s="168"/>
      <c r="P124" s="168"/>
      <c r="Q124" s="41"/>
      <c r="R124" s="169"/>
      <c r="S124" s="168"/>
      <c r="T124" s="190" t="s">
        <v>152</v>
      </c>
      <c r="U124" s="168"/>
      <c r="V124" s="44" t="s">
        <v>22</v>
      </c>
      <c r="W124" s="45" t="s">
        <v>22</v>
      </c>
      <c r="X124" s="45" t="s">
        <v>22</v>
      </c>
      <c r="Y124" s="45" t="s">
        <v>1212</v>
      </c>
      <c r="Z124" s="189"/>
      <c r="AA124" s="33"/>
      <c r="AB124" s="33"/>
      <c r="AC124" s="33"/>
      <c r="AD124" s="34"/>
      <c r="AE124" s="35"/>
      <c r="AF124" s="35"/>
      <c r="AG124" s="35"/>
      <c r="AH124" s="33"/>
      <c r="AI124" s="33"/>
      <c r="AJ124" s="33"/>
      <c r="AK124" s="33"/>
      <c r="AL124" s="34"/>
      <c r="AM124" s="35"/>
      <c r="AN124" s="35"/>
      <c r="AO124" s="36"/>
    </row>
    <row r="125" spans="1:41" s="59" customFormat="1" ht="9.75" customHeight="1">
      <c r="A125" s="40"/>
      <c r="B125" s="193"/>
      <c r="C125" s="219"/>
      <c r="D125" s="222"/>
      <c r="E125" s="169"/>
      <c r="F125" s="170"/>
      <c r="G125" s="169"/>
      <c r="H125" s="44"/>
      <c r="I125" s="169"/>
      <c r="J125" s="44"/>
      <c r="K125" s="192"/>
      <c r="L125" s="169"/>
      <c r="M125" s="191"/>
      <c r="N125" s="45"/>
      <c r="O125" s="168"/>
      <c r="P125" s="168"/>
      <c r="Q125" s="41"/>
      <c r="R125" s="169"/>
      <c r="S125" s="168"/>
      <c r="T125" s="190"/>
      <c r="U125" s="168"/>
      <c r="V125" s="44"/>
      <c r="W125" s="45"/>
      <c r="X125" s="45"/>
      <c r="Y125" s="45"/>
      <c r="Z125" s="189"/>
      <c r="AA125" s="33"/>
      <c r="AB125" s="33"/>
      <c r="AC125" s="33"/>
      <c r="AD125" s="34"/>
      <c r="AE125" s="35"/>
      <c r="AF125" s="35"/>
      <c r="AG125" s="35"/>
      <c r="AH125" s="33"/>
      <c r="AI125" s="33"/>
      <c r="AJ125" s="33"/>
      <c r="AK125" s="33"/>
      <c r="AL125" s="34"/>
      <c r="AM125" s="35"/>
      <c r="AN125" s="35"/>
      <c r="AO125" s="36"/>
    </row>
    <row r="126" spans="1:41" s="59" customFormat="1" ht="9.75" customHeight="1">
      <c r="A126" s="40"/>
      <c r="B126" s="194"/>
      <c r="C126" s="169"/>
      <c r="D126" s="170"/>
      <c r="E126" s="218" t="s">
        <v>21</v>
      </c>
      <c r="F126" s="221" t="s">
        <v>673</v>
      </c>
      <c r="G126" s="162"/>
      <c r="H126" s="69"/>
      <c r="I126" s="162"/>
      <c r="J126" s="69"/>
      <c r="K126" s="198"/>
      <c r="L126" s="162"/>
      <c r="M126" s="197"/>
      <c r="N126" s="70"/>
      <c r="O126" s="167"/>
      <c r="P126" s="167"/>
      <c r="Q126" s="68"/>
      <c r="R126" s="162"/>
      <c r="S126" s="167"/>
      <c r="T126" s="196"/>
      <c r="U126" s="167"/>
      <c r="V126" s="69"/>
      <c r="W126" s="70"/>
      <c r="X126" s="70"/>
      <c r="Y126" s="70"/>
      <c r="Z126" s="195" t="s">
        <v>1</v>
      </c>
      <c r="AA126" s="74"/>
      <c r="AB126" s="74"/>
      <c r="AC126" s="74"/>
      <c r="AD126" s="75"/>
      <c r="AE126" s="25"/>
      <c r="AF126" s="25"/>
      <c r="AG126" s="25"/>
      <c r="AH126" s="74"/>
      <c r="AI126" s="74"/>
      <c r="AJ126" s="74"/>
      <c r="AK126" s="74"/>
      <c r="AL126" s="75"/>
      <c r="AM126" s="25"/>
      <c r="AN126" s="25"/>
      <c r="AO126" s="32"/>
    </row>
    <row r="127" spans="1:41" s="59" customFormat="1" ht="9.75" customHeight="1">
      <c r="A127" s="40"/>
      <c r="B127" s="194"/>
      <c r="C127" s="169"/>
      <c r="D127" s="193"/>
      <c r="E127" s="219"/>
      <c r="F127" s="222"/>
      <c r="G127" s="169"/>
      <c r="H127" s="44" t="s">
        <v>1211</v>
      </c>
      <c r="I127" s="169"/>
      <c r="J127" s="44" t="s">
        <v>22</v>
      </c>
      <c r="K127" s="192" t="s">
        <v>22</v>
      </c>
      <c r="L127" s="169"/>
      <c r="M127" s="191" t="s">
        <v>22</v>
      </c>
      <c r="N127" s="45" t="s">
        <v>1211</v>
      </c>
      <c r="O127" s="168"/>
      <c r="P127" s="168"/>
      <c r="Q127" s="170"/>
      <c r="R127" s="169"/>
      <c r="S127" s="168"/>
      <c r="T127" s="190" t="s">
        <v>1210</v>
      </c>
      <c r="U127" s="168"/>
      <c r="V127" s="44" t="s">
        <v>22</v>
      </c>
      <c r="W127" s="45" t="s">
        <v>22</v>
      </c>
      <c r="X127" s="45" t="s">
        <v>22</v>
      </c>
      <c r="Y127" s="45" t="s">
        <v>1209</v>
      </c>
      <c r="Z127" s="189"/>
      <c r="AA127" s="33"/>
      <c r="AB127" s="33"/>
      <c r="AC127" s="33"/>
      <c r="AD127" s="34"/>
      <c r="AE127" s="35"/>
      <c r="AF127" s="35"/>
      <c r="AG127" s="35"/>
      <c r="AH127" s="33"/>
      <c r="AI127" s="33"/>
      <c r="AJ127" s="33"/>
      <c r="AK127" s="33"/>
      <c r="AL127" s="34"/>
      <c r="AM127" s="35"/>
      <c r="AN127" s="35"/>
      <c r="AO127" s="36"/>
    </row>
    <row r="128" spans="1:41" s="59" customFormat="1" ht="9.75" customHeight="1">
      <c r="A128" s="40"/>
      <c r="B128" s="194"/>
      <c r="C128" s="169"/>
      <c r="D128" s="193"/>
      <c r="E128" s="219"/>
      <c r="F128" s="222"/>
      <c r="G128" s="169"/>
      <c r="H128" s="44"/>
      <c r="I128" s="169"/>
      <c r="J128" s="44"/>
      <c r="K128" s="192"/>
      <c r="L128" s="169"/>
      <c r="M128" s="191"/>
      <c r="N128" s="45"/>
      <c r="O128" s="168"/>
      <c r="P128" s="168"/>
      <c r="Q128" s="170"/>
      <c r="R128" s="169"/>
      <c r="S128" s="168"/>
      <c r="T128" s="190"/>
      <c r="U128" s="168"/>
      <c r="V128" s="44"/>
      <c r="W128" s="45"/>
      <c r="X128" s="45"/>
      <c r="Y128" s="45"/>
      <c r="Z128" s="189"/>
      <c r="AA128" s="33"/>
      <c r="AB128" s="33"/>
      <c r="AC128" s="33"/>
      <c r="AD128" s="34"/>
      <c r="AE128" s="35"/>
      <c r="AF128" s="35"/>
      <c r="AG128" s="35"/>
      <c r="AH128" s="33"/>
      <c r="AI128" s="33"/>
      <c r="AJ128" s="33"/>
      <c r="AK128" s="33"/>
      <c r="AL128" s="34"/>
      <c r="AM128" s="35"/>
      <c r="AN128" s="35"/>
      <c r="AO128" s="36"/>
    </row>
    <row r="129" spans="1:41" s="59" customFormat="1" ht="9.75" customHeight="1">
      <c r="A129" s="40"/>
      <c r="B129" s="194"/>
      <c r="C129" s="169"/>
      <c r="D129" s="194"/>
      <c r="E129" s="169"/>
      <c r="F129" s="170"/>
      <c r="G129" s="169"/>
      <c r="H129" s="44"/>
      <c r="I129" s="169"/>
      <c r="J129" s="44"/>
      <c r="K129" s="192"/>
      <c r="L129" s="169"/>
      <c r="M129" s="191"/>
      <c r="N129" s="45"/>
      <c r="O129" s="168"/>
      <c r="P129" s="227" t="s">
        <v>666</v>
      </c>
      <c r="Q129" s="221" t="s">
        <v>665</v>
      </c>
      <c r="R129" s="162"/>
      <c r="S129" s="167"/>
      <c r="T129" s="196"/>
      <c r="U129" s="167"/>
      <c r="V129" s="69"/>
      <c r="W129" s="70"/>
      <c r="X129" s="70"/>
      <c r="Y129" s="70"/>
      <c r="Z129" s="195" t="s">
        <v>1</v>
      </c>
      <c r="AA129" s="74"/>
      <c r="AB129" s="74"/>
      <c r="AC129" s="74"/>
      <c r="AD129" s="75"/>
      <c r="AE129" s="25"/>
      <c r="AF129" s="25"/>
      <c r="AG129" s="25"/>
      <c r="AH129" s="74"/>
      <c r="AI129" s="74"/>
      <c r="AJ129" s="74"/>
      <c r="AK129" s="74"/>
      <c r="AL129" s="75"/>
      <c r="AM129" s="25"/>
      <c r="AN129" s="25"/>
      <c r="AO129" s="32"/>
    </row>
    <row r="130" spans="1:41" s="59" customFormat="1" ht="9.75" customHeight="1">
      <c r="A130" s="40"/>
      <c r="B130" s="194"/>
      <c r="C130" s="169"/>
      <c r="D130" s="194"/>
      <c r="E130" s="169"/>
      <c r="F130" s="170"/>
      <c r="G130" s="169"/>
      <c r="H130" s="44"/>
      <c r="I130" s="169"/>
      <c r="J130" s="44"/>
      <c r="K130" s="192"/>
      <c r="L130" s="169"/>
      <c r="M130" s="191"/>
      <c r="N130" s="45"/>
      <c r="O130" s="168"/>
      <c r="P130" s="228"/>
      <c r="Q130" s="222"/>
      <c r="R130" s="169"/>
      <c r="S130" s="168" t="s">
        <v>1211</v>
      </c>
      <c r="T130" s="190" t="s">
        <v>1210</v>
      </c>
      <c r="U130" s="168"/>
      <c r="V130" s="44" t="s">
        <v>22</v>
      </c>
      <c r="W130" s="45" t="s">
        <v>22</v>
      </c>
      <c r="X130" s="45" t="s">
        <v>22</v>
      </c>
      <c r="Y130" s="45" t="s">
        <v>1209</v>
      </c>
      <c r="Z130" s="189"/>
      <c r="AA130" s="33"/>
      <c r="AB130" s="33"/>
      <c r="AC130" s="33"/>
      <c r="AD130" s="34"/>
      <c r="AE130" s="35"/>
      <c r="AF130" s="35"/>
      <c r="AG130" s="35"/>
      <c r="AH130" s="33"/>
      <c r="AI130" s="33"/>
      <c r="AJ130" s="33"/>
      <c r="AK130" s="33"/>
      <c r="AL130" s="34"/>
      <c r="AM130" s="35"/>
      <c r="AN130" s="35"/>
      <c r="AO130" s="36"/>
    </row>
    <row r="131" spans="1:41" s="59" customFormat="1" ht="9.75" customHeight="1">
      <c r="A131" s="40"/>
      <c r="B131" s="194"/>
      <c r="C131" s="169"/>
      <c r="D131" s="194"/>
      <c r="E131" s="169"/>
      <c r="F131" s="170"/>
      <c r="G131" s="169"/>
      <c r="H131" s="44"/>
      <c r="I131" s="169"/>
      <c r="J131" s="44"/>
      <c r="K131" s="192"/>
      <c r="L131" s="169"/>
      <c r="M131" s="191"/>
      <c r="N131" s="45"/>
      <c r="O131" s="168"/>
      <c r="P131" s="229"/>
      <c r="Q131" s="223"/>
      <c r="R131" s="169"/>
      <c r="S131" s="168"/>
      <c r="T131" s="190"/>
      <c r="U131" s="168"/>
      <c r="V131" s="44"/>
      <c r="W131" s="45"/>
      <c r="X131" s="45"/>
      <c r="Y131" s="45"/>
      <c r="Z131" s="189"/>
      <c r="AA131" s="33"/>
      <c r="AB131" s="33"/>
      <c r="AC131" s="33"/>
      <c r="AD131" s="34"/>
      <c r="AE131" s="35"/>
      <c r="AF131" s="35"/>
      <c r="AG131" s="35"/>
      <c r="AH131" s="33"/>
      <c r="AI131" s="33"/>
      <c r="AJ131" s="33"/>
      <c r="AK131" s="33"/>
      <c r="AL131" s="34"/>
      <c r="AM131" s="35"/>
      <c r="AN131" s="35"/>
      <c r="AO131" s="36"/>
    </row>
    <row r="132" spans="1:41" s="59" customFormat="1" ht="9.75" customHeight="1">
      <c r="A132" s="40"/>
      <c r="B132" s="193"/>
      <c r="C132" s="169"/>
      <c r="D132" s="170"/>
      <c r="E132" s="218" t="s">
        <v>25</v>
      </c>
      <c r="F132" s="221" t="s">
        <v>671</v>
      </c>
      <c r="G132" s="162"/>
      <c r="H132" s="69"/>
      <c r="I132" s="162"/>
      <c r="J132" s="69"/>
      <c r="K132" s="198"/>
      <c r="L132" s="162"/>
      <c r="M132" s="197"/>
      <c r="N132" s="70"/>
      <c r="O132" s="167"/>
      <c r="P132" s="167"/>
      <c r="Q132" s="68"/>
      <c r="R132" s="162"/>
      <c r="S132" s="167"/>
      <c r="T132" s="196"/>
      <c r="U132" s="167"/>
      <c r="V132" s="69"/>
      <c r="W132" s="70"/>
      <c r="X132" s="70"/>
      <c r="Y132" s="70"/>
      <c r="Z132" s="195" t="s">
        <v>1</v>
      </c>
      <c r="AA132" s="74"/>
      <c r="AB132" s="74"/>
      <c r="AC132" s="74"/>
      <c r="AD132" s="75"/>
      <c r="AE132" s="25"/>
      <c r="AF132" s="25"/>
      <c r="AG132" s="25"/>
      <c r="AH132" s="74"/>
      <c r="AI132" s="74"/>
      <c r="AJ132" s="74"/>
      <c r="AK132" s="74"/>
      <c r="AL132" s="75"/>
      <c r="AM132" s="25"/>
      <c r="AN132" s="25"/>
      <c r="AO132" s="32"/>
    </row>
    <row r="133" spans="1:41" s="59" customFormat="1" ht="9.75" customHeight="1">
      <c r="A133" s="40"/>
      <c r="B133" s="193"/>
      <c r="C133" s="169"/>
      <c r="D133" s="193"/>
      <c r="E133" s="219"/>
      <c r="F133" s="222"/>
      <c r="G133" s="169"/>
      <c r="H133" s="44" t="s">
        <v>1208</v>
      </c>
      <c r="I133" s="169" t="s">
        <v>23</v>
      </c>
      <c r="J133" s="44" t="s">
        <v>81</v>
      </c>
      <c r="K133" s="192" t="s">
        <v>22</v>
      </c>
      <c r="L133" s="169"/>
      <c r="M133" s="191" t="s">
        <v>22</v>
      </c>
      <c r="N133" s="45" t="s">
        <v>1207</v>
      </c>
      <c r="O133" s="168"/>
      <c r="P133" s="168"/>
      <c r="Q133" s="41"/>
      <c r="R133" s="169"/>
      <c r="S133" s="168"/>
      <c r="T133" s="190" t="s">
        <v>1206</v>
      </c>
      <c r="U133" s="168"/>
      <c r="V133" s="44" t="s">
        <v>22</v>
      </c>
      <c r="W133" s="45" t="s">
        <v>22</v>
      </c>
      <c r="X133" s="45" t="s">
        <v>22</v>
      </c>
      <c r="Y133" s="45" t="s">
        <v>1205</v>
      </c>
      <c r="Z133" s="189"/>
      <c r="AA133" s="33"/>
      <c r="AB133" s="33"/>
      <c r="AC133" s="33"/>
      <c r="AD133" s="34"/>
      <c r="AE133" s="35"/>
      <c r="AF133" s="35"/>
      <c r="AG133" s="35"/>
      <c r="AH133" s="33"/>
      <c r="AI133" s="33"/>
      <c r="AJ133" s="33"/>
      <c r="AK133" s="33"/>
      <c r="AL133" s="34"/>
      <c r="AM133" s="35"/>
      <c r="AN133" s="35"/>
      <c r="AO133" s="36"/>
    </row>
    <row r="134" spans="1:41" s="59" customFormat="1" ht="9.75" customHeight="1">
      <c r="A134" s="40"/>
      <c r="B134" s="193"/>
      <c r="C134" s="169"/>
      <c r="D134" s="193"/>
      <c r="E134" s="219"/>
      <c r="F134" s="222"/>
      <c r="G134" s="169"/>
      <c r="H134" s="44"/>
      <c r="I134" s="169"/>
      <c r="J134" s="44"/>
      <c r="K134" s="192"/>
      <c r="L134" s="169"/>
      <c r="M134" s="191"/>
      <c r="N134" s="45"/>
      <c r="O134" s="168"/>
      <c r="P134" s="168"/>
      <c r="Q134" s="41"/>
      <c r="R134" s="169"/>
      <c r="S134" s="168"/>
      <c r="T134" s="190"/>
      <c r="U134" s="168"/>
      <c r="V134" s="44"/>
      <c r="W134" s="45"/>
      <c r="X134" s="45"/>
      <c r="Y134" s="45"/>
      <c r="Z134" s="189"/>
      <c r="AA134" s="33"/>
      <c r="AB134" s="33"/>
      <c r="AC134" s="33"/>
      <c r="AD134" s="34"/>
      <c r="AE134" s="35"/>
      <c r="AF134" s="35"/>
      <c r="AG134" s="35"/>
      <c r="AH134" s="33"/>
      <c r="AI134" s="33"/>
      <c r="AJ134" s="33"/>
      <c r="AK134" s="33"/>
      <c r="AL134" s="34"/>
      <c r="AM134" s="35"/>
      <c r="AN134" s="35"/>
      <c r="AO134" s="36"/>
    </row>
    <row r="135" spans="1:41" s="59" customFormat="1" ht="9.75" customHeight="1">
      <c r="A135" s="40"/>
      <c r="B135" s="194"/>
      <c r="C135" s="169"/>
      <c r="D135" s="193"/>
      <c r="E135" s="169"/>
      <c r="F135" s="170"/>
      <c r="G135" s="169"/>
      <c r="H135" s="44"/>
      <c r="I135" s="169"/>
      <c r="J135" s="44"/>
      <c r="K135" s="192"/>
      <c r="L135" s="169"/>
      <c r="M135" s="191"/>
      <c r="N135" s="45"/>
      <c r="O135" s="168"/>
      <c r="P135" s="227" t="s">
        <v>666</v>
      </c>
      <c r="Q135" s="221" t="s">
        <v>665</v>
      </c>
      <c r="R135" s="162"/>
      <c r="S135" s="167"/>
      <c r="T135" s="196"/>
      <c r="U135" s="167"/>
      <c r="V135" s="69"/>
      <c r="W135" s="70"/>
      <c r="X135" s="70"/>
      <c r="Y135" s="70"/>
      <c r="Z135" s="195" t="s">
        <v>1</v>
      </c>
      <c r="AA135" s="74"/>
      <c r="AB135" s="74"/>
      <c r="AC135" s="74"/>
      <c r="AD135" s="75"/>
      <c r="AE135" s="25"/>
      <c r="AF135" s="25"/>
      <c r="AG135" s="25"/>
      <c r="AH135" s="74"/>
      <c r="AI135" s="74"/>
      <c r="AJ135" s="74"/>
      <c r="AK135" s="74"/>
      <c r="AL135" s="75"/>
      <c r="AM135" s="25"/>
      <c r="AN135" s="25"/>
      <c r="AO135" s="32"/>
    </row>
    <row r="136" spans="1:41" s="59" customFormat="1" ht="9.75" customHeight="1">
      <c r="A136" s="40"/>
      <c r="B136" s="194"/>
      <c r="C136" s="169"/>
      <c r="D136" s="193"/>
      <c r="E136" s="169"/>
      <c r="F136" s="170"/>
      <c r="G136" s="169"/>
      <c r="H136" s="44"/>
      <c r="I136" s="169"/>
      <c r="J136" s="44"/>
      <c r="K136" s="192"/>
      <c r="L136" s="169"/>
      <c r="M136" s="191"/>
      <c r="N136" s="45"/>
      <c r="O136" s="168"/>
      <c r="P136" s="228"/>
      <c r="Q136" s="222"/>
      <c r="R136" s="169"/>
      <c r="S136" s="168" t="s">
        <v>1207</v>
      </c>
      <c r="T136" s="190" t="s">
        <v>1206</v>
      </c>
      <c r="U136" s="168"/>
      <c r="V136" s="44" t="s">
        <v>22</v>
      </c>
      <c r="W136" s="45" t="s">
        <v>22</v>
      </c>
      <c r="X136" s="45" t="s">
        <v>22</v>
      </c>
      <c r="Y136" s="45" t="s">
        <v>1205</v>
      </c>
      <c r="Z136" s="189"/>
      <c r="AA136" s="33"/>
      <c r="AB136" s="33"/>
      <c r="AC136" s="33"/>
      <c r="AD136" s="34"/>
      <c r="AE136" s="35"/>
      <c r="AF136" s="35"/>
      <c r="AG136" s="35"/>
      <c r="AH136" s="33"/>
      <c r="AI136" s="33"/>
      <c r="AJ136" s="33"/>
      <c r="AK136" s="33"/>
      <c r="AL136" s="34"/>
      <c r="AM136" s="35"/>
      <c r="AN136" s="35"/>
      <c r="AO136" s="36"/>
    </row>
    <row r="137" spans="1:41" s="59" customFormat="1" ht="9.75" customHeight="1">
      <c r="A137" s="40"/>
      <c r="B137" s="194"/>
      <c r="C137" s="169"/>
      <c r="D137" s="193"/>
      <c r="E137" s="169"/>
      <c r="F137" s="170"/>
      <c r="G137" s="169"/>
      <c r="H137" s="44"/>
      <c r="I137" s="169"/>
      <c r="J137" s="44"/>
      <c r="K137" s="192"/>
      <c r="L137" s="169"/>
      <c r="M137" s="191"/>
      <c r="N137" s="45"/>
      <c r="O137" s="168"/>
      <c r="P137" s="229"/>
      <c r="Q137" s="223"/>
      <c r="R137" s="169"/>
      <c r="S137" s="168"/>
      <c r="T137" s="190"/>
      <c r="U137" s="168"/>
      <c r="V137" s="44"/>
      <c r="W137" s="45"/>
      <c r="X137" s="45"/>
      <c r="Y137" s="45"/>
      <c r="Z137" s="189"/>
      <c r="AA137" s="33"/>
      <c r="AB137" s="33"/>
      <c r="AC137" s="33"/>
      <c r="AD137" s="34"/>
      <c r="AE137" s="35"/>
      <c r="AF137" s="35"/>
      <c r="AG137" s="35"/>
      <c r="AH137" s="33"/>
      <c r="AI137" s="33"/>
      <c r="AJ137" s="33"/>
      <c r="AK137" s="33"/>
      <c r="AL137" s="34"/>
      <c r="AM137" s="35"/>
      <c r="AN137" s="35"/>
      <c r="AO137" s="36"/>
    </row>
    <row r="138" spans="1:41" s="59" customFormat="1" ht="9.75" customHeight="1">
      <c r="A138" s="40"/>
      <c r="B138" s="193"/>
      <c r="C138" s="169"/>
      <c r="D138" s="170"/>
      <c r="E138" s="218" t="s">
        <v>26</v>
      </c>
      <c r="F138" s="221" t="s">
        <v>667</v>
      </c>
      <c r="G138" s="162"/>
      <c r="H138" s="69"/>
      <c r="I138" s="162"/>
      <c r="J138" s="69"/>
      <c r="K138" s="198"/>
      <c r="L138" s="162"/>
      <c r="M138" s="197"/>
      <c r="N138" s="70"/>
      <c r="O138" s="167"/>
      <c r="P138" s="167"/>
      <c r="Q138" s="68"/>
      <c r="R138" s="162"/>
      <c r="S138" s="167"/>
      <c r="T138" s="196"/>
      <c r="U138" s="167"/>
      <c r="V138" s="69"/>
      <c r="W138" s="70"/>
      <c r="X138" s="70"/>
      <c r="Y138" s="70"/>
      <c r="Z138" s="195" t="s">
        <v>1</v>
      </c>
      <c r="AA138" s="74"/>
      <c r="AB138" s="74"/>
      <c r="AC138" s="74"/>
      <c r="AD138" s="75"/>
      <c r="AE138" s="25"/>
      <c r="AF138" s="25"/>
      <c r="AG138" s="25"/>
      <c r="AH138" s="74"/>
      <c r="AI138" s="74"/>
      <c r="AJ138" s="74"/>
      <c r="AK138" s="74"/>
      <c r="AL138" s="75"/>
      <c r="AM138" s="25"/>
      <c r="AN138" s="25"/>
      <c r="AO138" s="32"/>
    </row>
    <row r="139" spans="1:41" s="59" customFormat="1" ht="9.75" customHeight="1">
      <c r="A139" s="40"/>
      <c r="B139" s="193"/>
      <c r="C139" s="169"/>
      <c r="D139" s="193"/>
      <c r="E139" s="219"/>
      <c r="F139" s="222"/>
      <c r="G139" s="169"/>
      <c r="H139" s="44" t="s">
        <v>1204</v>
      </c>
      <c r="I139" s="169" t="s">
        <v>23</v>
      </c>
      <c r="J139" s="44" t="s">
        <v>1203</v>
      </c>
      <c r="K139" s="192" t="s">
        <v>22</v>
      </c>
      <c r="L139" s="169"/>
      <c r="M139" s="191" t="s">
        <v>22</v>
      </c>
      <c r="N139" s="45" t="s">
        <v>1202</v>
      </c>
      <c r="O139" s="168"/>
      <c r="P139" s="168"/>
      <c r="Q139" s="41"/>
      <c r="R139" s="169"/>
      <c r="S139" s="168"/>
      <c r="T139" s="190" t="s">
        <v>1201</v>
      </c>
      <c r="U139" s="168"/>
      <c r="V139" s="44" t="s">
        <v>22</v>
      </c>
      <c r="W139" s="45" t="s">
        <v>22</v>
      </c>
      <c r="X139" s="45" t="s">
        <v>22</v>
      </c>
      <c r="Y139" s="45" t="s">
        <v>1200</v>
      </c>
      <c r="Z139" s="189"/>
      <c r="AA139" s="33"/>
      <c r="AB139" s="33"/>
      <c r="AC139" s="33"/>
      <c r="AD139" s="34"/>
      <c r="AE139" s="35"/>
      <c r="AF139" s="35"/>
      <c r="AG139" s="35"/>
      <c r="AH139" s="33"/>
      <c r="AI139" s="33"/>
      <c r="AJ139" s="33"/>
      <c r="AK139" s="33"/>
      <c r="AL139" s="34"/>
      <c r="AM139" s="35"/>
      <c r="AN139" s="35"/>
      <c r="AO139" s="36"/>
    </row>
    <row r="140" spans="1:41" s="59" customFormat="1" ht="9.75" customHeight="1">
      <c r="A140" s="40"/>
      <c r="B140" s="193"/>
      <c r="C140" s="169"/>
      <c r="D140" s="193"/>
      <c r="E140" s="219"/>
      <c r="F140" s="222"/>
      <c r="G140" s="169"/>
      <c r="H140" s="44"/>
      <c r="I140" s="169"/>
      <c r="J140" s="44"/>
      <c r="K140" s="192"/>
      <c r="L140" s="169"/>
      <c r="M140" s="191"/>
      <c r="N140" s="45"/>
      <c r="O140" s="168"/>
      <c r="P140" s="168"/>
      <c r="Q140" s="41"/>
      <c r="R140" s="169"/>
      <c r="S140" s="168"/>
      <c r="T140" s="190"/>
      <c r="U140" s="168"/>
      <c r="V140" s="44"/>
      <c r="W140" s="45"/>
      <c r="X140" s="45"/>
      <c r="Y140" s="45"/>
      <c r="Z140" s="189"/>
      <c r="AA140" s="33"/>
      <c r="AB140" s="33"/>
      <c r="AC140" s="33"/>
      <c r="AD140" s="34"/>
      <c r="AE140" s="35"/>
      <c r="AF140" s="35"/>
      <c r="AG140" s="35"/>
      <c r="AH140" s="33"/>
      <c r="AI140" s="33"/>
      <c r="AJ140" s="33"/>
      <c r="AK140" s="33"/>
      <c r="AL140" s="34"/>
      <c r="AM140" s="35"/>
      <c r="AN140" s="35"/>
      <c r="AO140" s="36"/>
    </row>
    <row r="141" spans="1:41" s="59" customFormat="1" ht="9.75" customHeight="1">
      <c r="A141" s="40"/>
      <c r="B141" s="194"/>
      <c r="C141" s="169"/>
      <c r="D141" s="193"/>
      <c r="E141" s="169"/>
      <c r="F141" s="170"/>
      <c r="G141" s="169"/>
      <c r="H141" s="44"/>
      <c r="I141" s="169"/>
      <c r="J141" s="44"/>
      <c r="K141" s="192"/>
      <c r="L141" s="169"/>
      <c r="M141" s="191"/>
      <c r="N141" s="45"/>
      <c r="O141" s="168"/>
      <c r="P141" s="227" t="s">
        <v>666</v>
      </c>
      <c r="Q141" s="221" t="s">
        <v>665</v>
      </c>
      <c r="R141" s="162"/>
      <c r="S141" s="167"/>
      <c r="T141" s="196"/>
      <c r="U141" s="167"/>
      <c r="V141" s="69"/>
      <c r="W141" s="70"/>
      <c r="X141" s="70"/>
      <c r="Y141" s="70"/>
      <c r="Z141" s="195" t="s">
        <v>1</v>
      </c>
      <c r="AA141" s="74"/>
      <c r="AB141" s="74"/>
      <c r="AC141" s="74"/>
      <c r="AD141" s="75"/>
      <c r="AE141" s="25"/>
      <c r="AF141" s="25"/>
      <c r="AG141" s="25"/>
      <c r="AH141" s="74"/>
      <c r="AI141" s="74"/>
      <c r="AJ141" s="74"/>
      <c r="AK141" s="74"/>
      <c r="AL141" s="75"/>
      <c r="AM141" s="25"/>
      <c r="AN141" s="25"/>
      <c r="AO141" s="32"/>
    </row>
    <row r="142" spans="1:41" s="59" customFormat="1" ht="9.75" customHeight="1">
      <c r="A142" s="40"/>
      <c r="B142" s="194"/>
      <c r="C142" s="169"/>
      <c r="D142" s="193"/>
      <c r="E142" s="169"/>
      <c r="F142" s="170"/>
      <c r="G142" s="169"/>
      <c r="H142" s="44"/>
      <c r="I142" s="169"/>
      <c r="J142" s="44"/>
      <c r="K142" s="192"/>
      <c r="L142" s="169"/>
      <c r="M142" s="191"/>
      <c r="N142" s="45"/>
      <c r="O142" s="168"/>
      <c r="P142" s="228"/>
      <c r="Q142" s="222"/>
      <c r="R142" s="169"/>
      <c r="S142" s="168" t="s">
        <v>1202</v>
      </c>
      <c r="T142" s="190" t="s">
        <v>1201</v>
      </c>
      <c r="U142" s="168"/>
      <c r="V142" s="44" t="s">
        <v>22</v>
      </c>
      <c r="W142" s="45" t="s">
        <v>22</v>
      </c>
      <c r="X142" s="45" t="s">
        <v>22</v>
      </c>
      <c r="Y142" s="45" t="s">
        <v>1200</v>
      </c>
      <c r="Z142" s="189"/>
      <c r="AA142" s="33"/>
      <c r="AB142" s="33"/>
      <c r="AC142" s="33"/>
      <c r="AD142" s="34"/>
      <c r="AE142" s="35"/>
      <c r="AF142" s="35"/>
      <c r="AG142" s="35"/>
      <c r="AH142" s="33"/>
      <c r="AI142" s="33"/>
      <c r="AJ142" s="33"/>
      <c r="AK142" s="33"/>
      <c r="AL142" s="34"/>
      <c r="AM142" s="35"/>
      <c r="AN142" s="35"/>
      <c r="AO142" s="36"/>
    </row>
    <row r="143" spans="1:41" s="59" customFormat="1" ht="9.75" customHeight="1">
      <c r="A143" s="40"/>
      <c r="B143" s="194"/>
      <c r="C143" s="172"/>
      <c r="D143" s="213"/>
      <c r="E143" s="172"/>
      <c r="F143" s="173"/>
      <c r="G143" s="172"/>
      <c r="H143" s="92"/>
      <c r="I143" s="172"/>
      <c r="J143" s="92"/>
      <c r="K143" s="202"/>
      <c r="L143" s="172"/>
      <c r="M143" s="201"/>
      <c r="N143" s="48"/>
      <c r="O143" s="174"/>
      <c r="P143" s="229"/>
      <c r="Q143" s="223"/>
      <c r="R143" s="172"/>
      <c r="S143" s="174"/>
      <c r="T143" s="200"/>
      <c r="U143" s="174"/>
      <c r="V143" s="92"/>
      <c r="W143" s="48"/>
      <c r="X143" s="48"/>
      <c r="Y143" s="48"/>
      <c r="Z143" s="199"/>
      <c r="AA143" s="95"/>
      <c r="AB143" s="95"/>
      <c r="AC143" s="95"/>
      <c r="AD143" s="96"/>
      <c r="AE143" s="97"/>
      <c r="AF143" s="97"/>
      <c r="AG143" s="97"/>
      <c r="AH143" s="95"/>
      <c r="AI143" s="95"/>
      <c r="AJ143" s="95"/>
      <c r="AK143" s="95"/>
      <c r="AL143" s="96"/>
      <c r="AM143" s="97"/>
      <c r="AN143" s="97"/>
      <c r="AO143" s="98"/>
    </row>
    <row r="144" spans="1:41" s="59" customFormat="1" ht="9.75" customHeight="1">
      <c r="A144" s="40"/>
      <c r="B144" s="170"/>
      <c r="C144" s="218" t="s">
        <v>31</v>
      </c>
      <c r="D144" s="221" t="s">
        <v>757</v>
      </c>
      <c r="E144" s="162"/>
      <c r="F144" s="163"/>
      <c r="G144" s="162"/>
      <c r="H144" s="69"/>
      <c r="I144" s="162"/>
      <c r="J144" s="69"/>
      <c r="K144" s="198"/>
      <c r="L144" s="162"/>
      <c r="M144" s="197"/>
      <c r="N144" s="70"/>
      <c r="O144" s="167"/>
      <c r="P144" s="167"/>
      <c r="Q144" s="68"/>
      <c r="R144" s="162"/>
      <c r="S144" s="167"/>
      <c r="T144" s="196"/>
      <c r="U144" s="167"/>
      <c r="V144" s="69"/>
      <c r="W144" s="70"/>
      <c r="X144" s="70"/>
      <c r="Y144" s="70"/>
      <c r="Z144" s="195" t="s">
        <v>1</v>
      </c>
      <c r="AA144" s="74"/>
      <c r="AB144" s="74"/>
      <c r="AC144" s="74"/>
      <c r="AD144" s="75"/>
      <c r="AE144" s="25"/>
      <c r="AF144" s="25"/>
      <c r="AG144" s="25"/>
      <c r="AH144" s="74"/>
      <c r="AI144" s="74"/>
      <c r="AJ144" s="74"/>
      <c r="AK144" s="74"/>
      <c r="AL144" s="75"/>
      <c r="AM144" s="25"/>
      <c r="AN144" s="25"/>
      <c r="AO144" s="32"/>
    </row>
    <row r="145" spans="1:41" s="59" customFormat="1" ht="9.75" customHeight="1">
      <c r="A145" s="40"/>
      <c r="B145" s="193"/>
      <c r="C145" s="219"/>
      <c r="D145" s="222"/>
      <c r="E145" s="169"/>
      <c r="F145" s="170"/>
      <c r="G145" s="169"/>
      <c r="H145" s="44" t="s">
        <v>1199</v>
      </c>
      <c r="I145" s="169"/>
      <c r="J145" s="44" t="s">
        <v>22</v>
      </c>
      <c r="K145" s="192" t="s">
        <v>22</v>
      </c>
      <c r="L145" s="169"/>
      <c r="M145" s="191" t="s">
        <v>22</v>
      </c>
      <c r="N145" s="45" t="s">
        <v>1199</v>
      </c>
      <c r="O145" s="168"/>
      <c r="P145" s="168"/>
      <c r="Q145" s="41"/>
      <c r="R145" s="169"/>
      <c r="S145" s="168"/>
      <c r="T145" s="190" t="s">
        <v>22</v>
      </c>
      <c r="U145" s="168"/>
      <c r="V145" s="44" t="s">
        <v>22</v>
      </c>
      <c r="W145" s="45" t="s">
        <v>22</v>
      </c>
      <c r="X145" s="45" t="s">
        <v>22</v>
      </c>
      <c r="Y145" s="45" t="s">
        <v>1199</v>
      </c>
      <c r="Z145" s="189"/>
      <c r="AA145" s="33"/>
      <c r="AB145" s="33"/>
      <c r="AC145" s="33"/>
      <c r="AD145" s="34"/>
      <c r="AE145" s="35"/>
      <c r="AF145" s="35"/>
      <c r="AG145" s="35"/>
      <c r="AH145" s="33"/>
      <c r="AI145" s="33"/>
      <c r="AJ145" s="33"/>
      <c r="AK145" s="33"/>
      <c r="AL145" s="34"/>
      <c r="AM145" s="35"/>
      <c r="AN145" s="35"/>
      <c r="AO145" s="36"/>
    </row>
    <row r="146" spans="1:41" s="59" customFormat="1" ht="9.75" customHeight="1">
      <c r="A146" s="40"/>
      <c r="B146" s="193"/>
      <c r="C146" s="219"/>
      <c r="D146" s="222"/>
      <c r="E146" s="169"/>
      <c r="F146" s="170"/>
      <c r="G146" s="169"/>
      <c r="H146" s="44"/>
      <c r="I146" s="169"/>
      <c r="J146" s="44"/>
      <c r="K146" s="192"/>
      <c r="L146" s="169"/>
      <c r="M146" s="191"/>
      <c r="N146" s="45"/>
      <c r="O146" s="168"/>
      <c r="P146" s="168"/>
      <c r="Q146" s="41"/>
      <c r="R146" s="169"/>
      <c r="S146" s="168"/>
      <c r="T146" s="190"/>
      <c r="U146" s="168"/>
      <c r="V146" s="44"/>
      <c r="W146" s="45"/>
      <c r="X146" s="45"/>
      <c r="Y146" s="45"/>
      <c r="Z146" s="189"/>
      <c r="AA146" s="33"/>
      <c r="AB146" s="33"/>
      <c r="AC146" s="33"/>
      <c r="AD146" s="34"/>
      <c r="AE146" s="35"/>
      <c r="AF146" s="35"/>
      <c r="AG146" s="35"/>
      <c r="AH146" s="33"/>
      <c r="AI146" s="33"/>
      <c r="AJ146" s="33"/>
      <c r="AK146" s="33"/>
      <c r="AL146" s="34"/>
      <c r="AM146" s="35"/>
      <c r="AN146" s="35"/>
      <c r="AO146" s="36"/>
    </row>
    <row r="147" spans="1:41" s="59" customFormat="1" ht="9.75" customHeight="1">
      <c r="A147" s="40"/>
      <c r="B147" s="194"/>
      <c r="C147" s="169"/>
      <c r="D147" s="170"/>
      <c r="E147" s="218" t="s">
        <v>21</v>
      </c>
      <c r="F147" s="221" t="s">
        <v>757</v>
      </c>
      <c r="G147" s="162"/>
      <c r="H147" s="69"/>
      <c r="I147" s="162"/>
      <c r="J147" s="69"/>
      <c r="K147" s="198"/>
      <c r="L147" s="162"/>
      <c r="M147" s="197"/>
      <c r="N147" s="70"/>
      <c r="O147" s="167"/>
      <c r="P147" s="167"/>
      <c r="Q147" s="68"/>
      <c r="R147" s="162"/>
      <c r="S147" s="167"/>
      <c r="T147" s="196"/>
      <c r="U147" s="167"/>
      <c r="V147" s="69"/>
      <c r="W147" s="70"/>
      <c r="X147" s="70"/>
      <c r="Y147" s="70"/>
      <c r="Z147" s="195" t="s">
        <v>1</v>
      </c>
      <c r="AA147" s="74"/>
      <c r="AB147" s="74"/>
      <c r="AC147" s="74"/>
      <c r="AD147" s="75"/>
      <c r="AE147" s="25"/>
      <c r="AF147" s="25"/>
      <c r="AG147" s="25"/>
      <c r="AH147" s="74"/>
      <c r="AI147" s="74"/>
      <c r="AJ147" s="74"/>
      <c r="AK147" s="74"/>
      <c r="AL147" s="75"/>
      <c r="AM147" s="25"/>
      <c r="AN147" s="25"/>
      <c r="AO147" s="32"/>
    </row>
    <row r="148" spans="1:41" s="59" customFormat="1" ht="9.75" customHeight="1">
      <c r="A148" s="40"/>
      <c r="B148" s="194"/>
      <c r="C148" s="169"/>
      <c r="D148" s="193"/>
      <c r="E148" s="219"/>
      <c r="F148" s="222"/>
      <c r="G148" s="169"/>
      <c r="H148" s="44" t="s">
        <v>1199</v>
      </c>
      <c r="I148" s="169"/>
      <c r="J148" s="44" t="s">
        <v>22</v>
      </c>
      <c r="K148" s="192" t="s">
        <v>22</v>
      </c>
      <c r="L148" s="169"/>
      <c r="M148" s="191" t="s">
        <v>22</v>
      </c>
      <c r="N148" s="45" t="s">
        <v>1199</v>
      </c>
      <c r="O148" s="168"/>
      <c r="P148" s="168"/>
      <c r="Q148" s="170"/>
      <c r="R148" s="169"/>
      <c r="S148" s="168"/>
      <c r="T148" s="190" t="s">
        <v>22</v>
      </c>
      <c r="U148" s="168"/>
      <c r="V148" s="44" t="s">
        <v>22</v>
      </c>
      <c r="W148" s="45" t="s">
        <v>22</v>
      </c>
      <c r="X148" s="45" t="s">
        <v>22</v>
      </c>
      <c r="Y148" s="45" t="s">
        <v>1199</v>
      </c>
      <c r="Z148" s="189"/>
      <c r="AA148" s="33"/>
      <c r="AB148" s="33"/>
      <c r="AC148" s="33"/>
      <c r="AD148" s="34"/>
      <c r="AE148" s="35"/>
      <c r="AF148" s="35"/>
      <c r="AG148" s="35"/>
      <c r="AH148" s="33"/>
      <c r="AI148" s="33"/>
      <c r="AJ148" s="33"/>
      <c r="AK148" s="33"/>
      <c r="AL148" s="34"/>
      <c r="AM148" s="35"/>
      <c r="AN148" s="35"/>
      <c r="AO148" s="36"/>
    </row>
    <row r="149" spans="1:41" s="59" customFormat="1" ht="9.75" customHeight="1">
      <c r="A149" s="40"/>
      <c r="B149" s="194"/>
      <c r="C149" s="169"/>
      <c r="D149" s="193"/>
      <c r="E149" s="219"/>
      <c r="F149" s="222"/>
      <c r="G149" s="169"/>
      <c r="H149" s="44"/>
      <c r="I149" s="169"/>
      <c r="J149" s="44"/>
      <c r="K149" s="192"/>
      <c r="L149" s="169"/>
      <c r="M149" s="191"/>
      <c r="N149" s="45"/>
      <c r="O149" s="168"/>
      <c r="P149" s="168"/>
      <c r="Q149" s="170"/>
      <c r="R149" s="169"/>
      <c r="S149" s="168"/>
      <c r="T149" s="190"/>
      <c r="U149" s="168"/>
      <c r="V149" s="44"/>
      <c r="W149" s="45"/>
      <c r="X149" s="45"/>
      <c r="Y149" s="45"/>
      <c r="Z149" s="189"/>
      <c r="AA149" s="33"/>
      <c r="AB149" s="33"/>
      <c r="AC149" s="33"/>
      <c r="AD149" s="34"/>
      <c r="AE149" s="35"/>
      <c r="AF149" s="35"/>
      <c r="AG149" s="35"/>
      <c r="AH149" s="33"/>
      <c r="AI149" s="33"/>
      <c r="AJ149" s="33"/>
      <c r="AK149" s="33"/>
      <c r="AL149" s="34"/>
      <c r="AM149" s="35"/>
      <c r="AN149" s="35"/>
      <c r="AO149" s="36"/>
    </row>
    <row r="150" spans="1:41" s="59" customFormat="1" ht="9.75" customHeight="1">
      <c r="A150" s="40"/>
      <c r="B150" s="170"/>
      <c r="C150" s="218" t="s">
        <v>1198</v>
      </c>
      <c r="D150" s="221" t="s">
        <v>665</v>
      </c>
      <c r="E150" s="162"/>
      <c r="F150" s="163"/>
      <c r="G150" s="162"/>
      <c r="H150" s="69"/>
      <c r="I150" s="162"/>
      <c r="J150" s="69"/>
      <c r="K150" s="198"/>
      <c r="L150" s="162"/>
      <c r="M150" s="197"/>
      <c r="N150" s="70"/>
      <c r="O150" s="167"/>
      <c r="P150" s="167"/>
      <c r="Q150" s="68"/>
      <c r="R150" s="162"/>
      <c r="S150" s="167"/>
      <c r="T150" s="196"/>
      <c r="U150" s="167"/>
      <c r="V150" s="69"/>
      <c r="W150" s="70"/>
      <c r="X150" s="70"/>
      <c r="Y150" s="70"/>
      <c r="Z150" s="195" t="s">
        <v>1</v>
      </c>
      <c r="AA150" s="74"/>
      <c r="AB150" s="74"/>
      <c r="AC150" s="74"/>
      <c r="AD150" s="75"/>
      <c r="AE150" s="25"/>
      <c r="AF150" s="25"/>
      <c r="AG150" s="25"/>
      <c r="AH150" s="74"/>
      <c r="AI150" s="74"/>
      <c r="AJ150" s="74"/>
      <c r="AK150" s="74"/>
      <c r="AL150" s="75"/>
      <c r="AM150" s="25"/>
      <c r="AN150" s="25"/>
      <c r="AO150" s="32"/>
    </row>
    <row r="151" spans="1:41" s="59" customFormat="1" ht="9.75" customHeight="1">
      <c r="A151" s="40"/>
      <c r="B151" s="193"/>
      <c r="C151" s="219"/>
      <c r="D151" s="222"/>
      <c r="E151" s="169"/>
      <c r="F151" s="170"/>
      <c r="G151" s="169"/>
      <c r="H151" s="44" t="s">
        <v>22</v>
      </c>
      <c r="I151" s="169"/>
      <c r="J151" s="44" t="s">
        <v>77</v>
      </c>
      <c r="K151" s="192" t="s">
        <v>22</v>
      </c>
      <c r="L151" s="169"/>
      <c r="M151" s="191" t="s">
        <v>22</v>
      </c>
      <c r="N151" s="45" t="s">
        <v>77</v>
      </c>
      <c r="O151" s="168"/>
      <c r="P151" s="168"/>
      <c r="Q151" s="41"/>
      <c r="R151" s="169"/>
      <c r="S151" s="168"/>
      <c r="T151" s="190" t="s">
        <v>77</v>
      </c>
      <c r="U151" s="168"/>
      <c r="V151" s="44" t="s">
        <v>22</v>
      </c>
      <c r="W151" s="45" t="s">
        <v>22</v>
      </c>
      <c r="X151" s="45" t="s">
        <v>22</v>
      </c>
      <c r="Y151" s="45" t="s">
        <v>22</v>
      </c>
      <c r="Z151" s="189"/>
      <c r="AA151" s="33"/>
      <c r="AB151" s="33"/>
      <c r="AC151" s="33"/>
      <c r="AD151" s="34"/>
      <c r="AE151" s="35"/>
      <c r="AF151" s="35"/>
      <c r="AG151" s="35"/>
      <c r="AH151" s="33"/>
      <c r="AI151" s="33"/>
      <c r="AJ151" s="33"/>
      <c r="AK151" s="33"/>
      <c r="AL151" s="34"/>
      <c r="AM151" s="35"/>
      <c r="AN151" s="35"/>
      <c r="AO151" s="36"/>
    </row>
    <row r="152" spans="1:41" s="59" customFormat="1" ht="9.75" customHeight="1">
      <c r="A152" s="40"/>
      <c r="B152" s="193"/>
      <c r="C152" s="219"/>
      <c r="D152" s="222"/>
      <c r="E152" s="169"/>
      <c r="F152" s="170"/>
      <c r="G152" s="169"/>
      <c r="H152" s="44"/>
      <c r="I152" s="169"/>
      <c r="J152" s="44"/>
      <c r="K152" s="192"/>
      <c r="L152" s="169"/>
      <c r="M152" s="191"/>
      <c r="N152" s="45"/>
      <c r="O152" s="168"/>
      <c r="P152" s="168"/>
      <c r="Q152" s="41"/>
      <c r="R152" s="169"/>
      <c r="S152" s="168"/>
      <c r="T152" s="190"/>
      <c r="U152" s="168"/>
      <c r="V152" s="44"/>
      <c r="W152" s="45"/>
      <c r="X152" s="45"/>
      <c r="Y152" s="45"/>
      <c r="Z152" s="189"/>
      <c r="AA152" s="33"/>
      <c r="AB152" s="33"/>
      <c r="AC152" s="33"/>
      <c r="AD152" s="34"/>
      <c r="AE152" s="35"/>
      <c r="AF152" s="35"/>
      <c r="AG152" s="35"/>
      <c r="AH152" s="33"/>
      <c r="AI152" s="33"/>
      <c r="AJ152" s="33"/>
      <c r="AK152" s="33"/>
      <c r="AL152" s="34"/>
      <c r="AM152" s="35"/>
      <c r="AN152" s="35"/>
      <c r="AO152" s="36"/>
    </row>
    <row r="153" spans="1:41" s="59" customFormat="1" ht="9.75" customHeight="1">
      <c r="A153" s="40"/>
      <c r="B153" s="194"/>
      <c r="C153" s="169"/>
      <c r="D153" s="170"/>
      <c r="E153" s="218" t="s">
        <v>21</v>
      </c>
      <c r="F153" s="230" t="s">
        <v>759</v>
      </c>
      <c r="G153" s="162"/>
      <c r="H153" s="69"/>
      <c r="I153" s="162"/>
      <c r="J153" s="69"/>
      <c r="K153" s="198"/>
      <c r="L153" s="162"/>
      <c r="M153" s="197"/>
      <c r="N153" s="70"/>
      <c r="O153" s="167"/>
      <c r="P153" s="167"/>
      <c r="Q153" s="68"/>
      <c r="R153" s="162"/>
      <c r="S153" s="167"/>
      <c r="T153" s="196"/>
      <c r="U153" s="167"/>
      <c r="V153" s="69"/>
      <c r="W153" s="70"/>
      <c r="X153" s="70"/>
      <c r="Y153" s="70"/>
      <c r="Z153" s="195" t="s">
        <v>1</v>
      </c>
      <c r="AA153" s="74"/>
      <c r="AB153" s="74"/>
      <c r="AC153" s="74"/>
      <c r="AD153" s="75"/>
      <c r="AE153" s="25"/>
      <c r="AF153" s="25"/>
      <c r="AG153" s="25"/>
      <c r="AH153" s="74"/>
      <c r="AI153" s="74"/>
      <c r="AJ153" s="74"/>
      <c r="AK153" s="74"/>
      <c r="AL153" s="75"/>
      <c r="AM153" s="25"/>
      <c r="AN153" s="25"/>
      <c r="AO153" s="32"/>
    </row>
    <row r="154" spans="1:41" s="59" customFormat="1" ht="9.75" customHeight="1">
      <c r="A154" s="40"/>
      <c r="B154" s="194"/>
      <c r="C154" s="169"/>
      <c r="D154" s="193"/>
      <c r="E154" s="219"/>
      <c r="F154" s="222"/>
      <c r="G154" s="169"/>
      <c r="H154" s="44" t="s">
        <v>22</v>
      </c>
      <c r="I154" s="169"/>
      <c r="J154" s="44" t="s">
        <v>77</v>
      </c>
      <c r="K154" s="192" t="s">
        <v>22</v>
      </c>
      <c r="L154" s="169"/>
      <c r="M154" s="191" t="s">
        <v>22</v>
      </c>
      <c r="N154" s="45" t="s">
        <v>77</v>
      </c>
      <c r="O154" s="168"/>
      <c r="P154" s="168"/>
      <c r="Q154" s="170"/>
      <c r="R154" s="169"/>
      <c r="S154" s="168"/>
      <c r="T154" s="190" t="s">
        <v>77</v>
      </c>
      <c r="U154" s="168"/>
      <c r="V154" s="44" t="s">
        <v>22</v>
      </c>
      <c r="W154" s="45" t="s">
        <v>22</v>
      </c>
      <c r="X154" s="45" t="s">
        <v>22</v>
      </c>
      <c r="Y154" s="45" t="s">
        <v>22</v>
      </c>
      <c r="Z154" s="189"/>
      <c r="AA154" s="33"/>
      <c r="AB154" s="33"/>
      <c r="AC154" s="33"/>
      <c r="AD154" s="34"/>
      <c r="AE154" s="35"/>
      <c r="AF154" s="35"/>
      <c r="AG154" s="35"/>
      <c r="AH154" s="33"/>
      <c r="AI154" s="33"/>
      <c r="AJ154" s="33"/>
      <c r="AK154" s="33"/>
      <c r="AL154" s="34"/>
      <c r="AM154" s="35"/>
      <c r="AN154" s="35"/>
      <c r="AO154" s="36"/>
    </row>
    <row r="155" spans="1:41" s="59" customFormat="1" ht="9.75" customHeight="1">
      <c r="A155" s="40"/>
      <c r="B155" s="194"/>
      <c r="C155" s="169"/>
      <c r="D155" s="193"/>
      <c r="E155" s="219"/>
      <c r="F155" s="222"/>
      <c r="G155" s="169"/>
      <c r="H155" s="44"/>
      <c r="I155" s="169"/>
      <c r="J155" s="44"/>
      <c r="K155" s="192"/>
      <c r="L155" s="169"/>
      <c r="M155" s="191"/>
      <c r="N155" s="45"/>
      <c r="O155" s="168"/>
      <c r="P155" s="168"/>
      <c r="Q155" s="170"/>
      <c r="R155" s="169"/>
      <c r="S155" s="168"/>
      <c r="T155" s="190"/>
      <c r="U155" s="168"/>
      <c r="V155" s="44"/>
      <c r="W155" s="45"/>
      <c r="X155" s="45"/>
      <c r="Y155" s="45"/>
      <c r="Z155" s="189"/>
      <c r="AA155" s="33"/>
      <c r="AB155" s="33"/>
      <c r="AC155" s="33"/>
      <c r="AD155" s="34"/>
      <c r="AE155" s="35"/>
      <c r="AF155" s="35"/>
      <c r="AG155" s="35"/>
      <c r="AH155" s="33"/>
      <c r="AI155" s="33"/>
      <c r="AJ155" s="33"/>
      <c r="AK155" s="33"/>
      <c r="AL155" s="34"/>
      <c r="AM155" s="35"/>
      <c r="AN155" s="35"/>
      <c r="AO155" s="36"/>
    </row>
    <row r="156" spans="1:41" s="59" customFormat="1" ht="9.75" customHeight="1">
      <c r="A156" s="40"/>
      <c r="B156" s="194"/>
      <c r="C156" s="169"/>
      <c r="D156" s="194"/>
      <c r="E156" s="169"/>
      <c r="F156" s="170"/>
      <c r="G156" s="169"/>
      <c r="H156" s="44"/>
      <c r="I156" s="169"/>
      <c r="J156" s="44"/>
      <c r="K156" s="192"/>
      <c r="L156" s="169"/>
      <c r="M156" s="191"/>
      <c r="N156" s="45"/>
      <c r="O156" s="168"/>
      <c r="P156" s="227" t="s">
        <v>666</v>
      </c>
      <c r="Q156" s="221" t="s">
        <v>665</v>
      </c>
      <c r="R156" s="162"/>
      <c r="S156" s="167"/>
      <c r="T156" s="196"/>
      <c r="U156" s="167"/>
      <c r="V156" s="69"/>
      <c r="W156" s="70"/>
      <c r="X156" s="70"/>
      <c r="Y156" s="70"/>
      <c r="Z156" s="195" t="s">
        <v>1</v>
      </c>
      <c r="AA156" s="74"/>
      <c r="AB156" s="74"/>
      <c r="AC156" s="74"/>
      <c r="AD156" s="75"/>
      <c r="AE156" s="25"/>
      <c r="AF156" s="25"/>
      <c r="AG156" s="25"/>
      <c r="AH156" s="74"/>
      <c r="AI156" s="74"/>
      <c r="AJ156" s="74"/>
      <c r="AK156" s="74"/>
      <c r="AL156" s="75"/>
      <c r="AM156" s="25"/>
      <c r="AN156" s="25"/>
      <c r="AO156" s="32"/>
    </row>
    <row r="157" spans="1:41" s="59" customFormat="1" ht="9.75" customHeight="1">
      <c r="A157" s="40"/>
      <c r="B157" s="194"/>
      <c r="C157" s="169"/>
      <c r="D157" s="194"/>
      <c r="E157" s="169"/>
      <c r="F157" s="170"/>
      <c r="G157" s="169"/>
      <c r="H157" s="44"/>
      <c r="I157" s="169"/>
      <c r="J157" s="44"/>
      <c r="K157" s="192"/>
      <c r="L157" s="169"/>
      <c r="M157" s="191"/>
      <c r="N157" s="45"/>
      <c r="O157" s="168"/>
      <c r="P157" s="228"/>
      <c r="Q157" s="222"/>
      <c r="R157" s="169"/>
      <c r="S157" s="168" t="s">
        <v>77</v>
      </c>
      <c r="T157" s="190" t="s">
        <v>77</v>
      </c>
      <c r="U157" s="168"/>
      <c r="V157" s="44" t="s">
        <v>22</v>
      </c>
      <c r="W157" s="45" t="s">
        <v>22</v>
      </c>
      <c r="X157" s="45" t="s">
        <v>22</v>
      </c>
      <c r="Y157" s="45" t="s">
        <v>22</v>
      </c>
      <c r="Z157" s="189"/>
      <c r="AA157" s="33"/>
      <c r="AB157" s="33"/>
      <c r="AC157" s="33"/>
      <c r="AD157" s="34"/>
      <c r="AE157" s="35"/>
      <c r="AF157" s="35"/>
      <c r="AG157" s="35"/>
      <c r="AH157" s="33"/>
      <c r="AI157" s="33"/>
      <c r="AJ157" s="33"/>
      <c r="AK157" s="33"/>
      <c r="AL157" s="34"/>
      <c r="AM157" s="35"/>
      <c r="AN157" s="35"/>
      <c r="AO157" s="36"/>
    </row>
    <row r="158" spans="1:41" s="59" customFormat="1" ht="9.75" customHeight="1">
      <c r="A158" s="40"/>
      <c r="B158" s="194"/>
      <c r="C158" s="169"/>
      <c r="D158" s="194"/>
      <c r="E158" s="169"/>
      <c r="F158" s="170"/>
      <c r="G158" s="169"/>
      <c r="H158" s="44"/>
      <c r="I158" s="169"/>
      <c r="J158" s="44"/>
      <c r="K158" s="192"/>
      <c r="L158" s="169"/>
      <c r="M158" s="191"/>
      <c r="N158" s="45"/>
      <c r="O158" s="168"/>
      <c r="P158" s="229"/>
      <c r="Q158" s="223"/>
      <c r="R158" s="169"/>
      <c r="S158" s="168"/>
      <c r="T158" s="190"/>
      <c r="U158" s="168"/>
      <c r="V158" s="44"/>
      <c r="W158" s="45"/>
      <c r="X158" s="45"/>
      <c r="Y158" s="45"/>
      <c r="Z158" s="189"/>
      <c r="AA158" s="33"/>
      <c r="AB158" s="33"/>
      <c r="AC158" s="33"/>
      <c r="AD158" s="34"/>
      <c r="AE158" s="35"/>
      <c r="AF158" s="35"/>
      <c r="AG158" s="35"/>
      <c r="AH158" s="33"/>
      <c r="AI158" s="33"/>
      <c r="AJ158" s="33"/>
      <c r="AK158" s="33"/>
      <c r="AL158" s="34"/>
      <c r="AM158" s="35"/>
      <c r="AN158" s="35"/>
      <c r="AO158" s="36"/>
    </row>
    <row r="159" spans="1:41" s="59" customFormat="1" ht="9.75" customHeight="1">
      <c r="A159" s="76"/>
      <c r="B159" s="188"/>
      <c r="C159" s="167"/>
      <c r="D159" s="188"/>
      <c r="E159" s="167"/>
      <c r="F159" s="68"/>
      <c r="G159" s="103"/>
      <c r="H159" s="104"/>
      <c r="I159" s="103"/>
      <c r="J159" s="104"/>
      <c r="K159" s="187"/>
      <c r="L159" s="103"/>
      <c r="M159" s="186"/>
      <c r="N159" s="105"/>
      <c r="O159" s="106"/>
      <c r="P159" s="106"/>
      <c r="Q159" s="65"/>
      <c r="R159" s="103"/>
      <c r="S159" s="106"/>
      <c r="T159" s="185"/>
      <c r="U159" s="106"/>
      <c r="V159" s="104"/>
      <c r="W159" s="105"/>
      <c r="X159" s="105"/>
      <c r="Y159" s="105"/>
      <c r="Z159" s="184" t="s">
        <v>1</v>
      </c>
      <c r="AA159" s="109"/>
      <c r="AB159" s="109"/>
      <c r="AC159" s="109"/>
      <c r="AD159" s="110"/>
      <c r="AE159" s="111"/>
      <c r="AF159" s="111"/>
      <c r="AG159" s="111"/>
      <c r="AH159" s="109"/>
      <c r="AI159" s="109"/>
      <c r="AJ159" s="109"/>
      <c r="AK159" s="109"/>
      <c r="AL159" s="110"/>
      <c r="AM159" s="111"/>
      <c r="AN159" s="111"/>
      <c r="AO159" s="112"/>
    </row>
    <row r="160" spans="1:41" s="59" customFormat="1" ht="9.75" customHeight="1">
      <c r="A160" s="248" t="s">
        <v>660</v>
      </c>
      <c r="B160" s="249"/>
      <c r="C160" s="250"/>
      <c r="D160" s="250"/>
      <c r="E160" s="250"/>
      <c r="F160" s="236"/>
      <c r="G160" s="273" t="s">
        <v>448</v>
      </c>
      <c r="H160" s="274"/>
      <c r="I160" s="52" t="s">
        <v>23</v>
      </c>
      <c r="J160" s="53" t="s">
        <v>449</v>
      </c>
      <c r="K160" s="54" t="s">
        <v>450</v>
      </c>
      <c r="L160" s="52"/>
      <c r="M160" s="53" t="s">
        <v>22</v>
      </c>
      <c r="N160" s="183" t="s">
        <v>451</v>
      </c>
      <c r="O160" s="182"/>
      <c r="P160" s="55"/>
      <c r="Q160" s="56"/>
      <c r="R160" s="52"/>
      <c r="S160" s="55"/>
      <c r="T160" s="181" t="s">
        <v>1197</v>
      </c>
      <c r="U160" s="55"/>
      <c r="V160" s="53" t="s">
        <v>22</v>
      </c>
      <c r="W160" s="54" t="s">
        <v>1196</v>
      </c>
      <c r="X160" s="53" t="s">
        <v>22</v>
      </c>
      <c r="Y160" s="54" t="s">
        <v>1195</v>
      </c>
      <c r="Z160" s="180"/>
      <c r="AA160" s="61"/>
      <c r="AB160" s="61"/>
      <c r="AC160" s="61"/>
      <c r="AD160" s="61"/>
      <c r="AE160" s="62"/>
      <c r="AF160" s="62"/>
      <c r="AG160" s="62"/>
      <c r="AH160" s="60"/>
      <c r="AI160" s="60"/>
      <c r="AJ160" s="60"/>
      <c r="AK160" s="60"/>
      <c r="AL160" s="61"/>
      <c r="AM160" s="61"/>
      <c r="AN160" s="61"/>
      <c r="AO160" s="63"/>
    </row>
    <row r="161" spans="1:41" s="59" customFormat="1" ht="9.75" customHeight="1">
      <c r="A161" s="77"/>
      <c r="B161" s="179"/>
      <c r="C161" s="82"/>
      <c r="D161" s="179"/>
      <c r="E161" s="82"/>
      <c r="F161" s="78"/>
      <c r="G161" s="79"/>
      <c r="H161" s="80"/>
      <c r="I161" s="79"/>
      <c r="J161" s="80"/>
      <c r="K161" s="178"/>
      <c r="L161" s="79"/>
      <c r="M161" s="177"/>
      <c r="N161" s="81"/>
      <c r="O161" s="82"/>
      <c r="P161" s="82"/>
      <c r="Q161" s="78"/>
      <c r="R161" s="79"/>
      <c r="S161" s="82"/>
      <c r="T161" s="176"/>
      <c r="U161" s="82"/>
      <c r="V161" s="80"/>
      <c r="W161" s="81"/>
      <c r="X161" s="81"/>
      <c r="Y161" s="81"/>
      <c r="Z161" s="175"/>
      <c r="AA161" s="117"/>
      <c r="AB161" s="117"/>
      <c r="AC161" s="117"/>
      <c r="AD161" s="118"/>
      <c r="AE161" s="119"/>
      <c r="AF161" s="119"/>
      <c r="AG161" s="119"/>
      <c r="AH161" s="117"/>
      <c r="AI161" s="117"/>
      <c r="AJ161" s="117"/>
      <c r="AK161" s="117"/>
      <c r="AL161" s="118"/>
      <c r="AM161" s="119"/>
      <c r="AN161" s="119"/>
      <c r="AO161" s="120"/>
    </row>
    <row r="162" spans="1:41" ht="9.75" customHeight="1">
      <c r="A162" s="134"/>
      <c r="B162" s="135"/>
      <c r="C162" s="135"/>
      <c r="D162" s="135"/>
      <c r="E162" s="135"/>
      <c r="F162" s="135"/>
      <c r="G162" s="135"/>
      <c r="H162" s="135"/>
      <c r="I162" s="135"/>
      <c r="J162" s="135"/>
      <c r="K162" s="135"/>
      <c r="L162" s="135"/>
      <c r="M162" s="135"/>
      <c r="N162" s="135"/>
      <c r="O162" s="135"/>
      <c r="P162" s="135"/>
      <c r="Q162" s="135"/>
      <c r="R162" s="135"/>
      <c r="S162" s="135"/>
      <c r="T162" s="135"/>
      <c r="U162" s="135"/>
      <c r="V162" s="135"/>
      <c r="W162" s="135"/>
      <c r="X162" s="135"/>
      <c r="Y162" s="135"/>
      <c r="Z162" s="136"/>
      <c r="AA162" s="136"/>
      <c r="AB162" s="136"/>
      <c r="AC162" s="136"/>
      <c r="AD162" s="136"/>
      <c r="AE162" s="136"/>
      <c r="AF162" s="136"/>
      <c r="AG162" s="136"/>
      <c r="AH162" s="136"/>
      <c r="AI162" s="136"/>
      <c r="AJ162" s="136"/>
      <c r="AK162" s="136"/>
      <c r="AL162" s="136"/>
      <c r="AM162" s="136"/>
      <c r="AN162" s="136"/>
      <c r="AO162" s="137"/>
    </row>
    <row r="163" spans="1:41" ht="9.75" customHeight="1">
      <c r="A163" s="138"/>
      <c r="B163" s="139"/>
      <c r="C163" s="139"/>
      <c r="D163" s="139"/>
      <c r="E163" s="139"/>
      <c r="F163" s="139"/>
      <c r="G163" s="139"/>
      <c r="H163" s="139"/>
      <c r="I163" s="139"/>
      <c r="J163" s="139"/>
      <c r="K163" s="139"/>
      <c r="L163" s="139"/>
      <c r="M163" s="139"/>
      <c r="N163" s="139"/>
      <c r="O163" s="139"/>
      <c r="P163" s="139"/>
      <c r="Q163" s="139"/>
      <c r="R163" s="139"/>
      <c r="S163" s="139"/>
      <c r="T163" s="139"/>
      <c r="U163" s="139"/>
      <c r="V163" s="139"/>
      <c r="W163" s="139"/>
      <c r="X163" s="139"/>
      <c r="Y163" s="139"/>
      <c r="Z163" s="139"/>
      <c r="AA163" s="139"/>
      <c r="AB163" s="139"/>
      <c r="AC163" s="139"/>
      <c r="AD163" s="139"/>
      <c r="AE163" s="139"/>
      <c r="AF163" s="139"/>
      <c r="AG163" s="139"/>
      <c r="AH163" s="139"/>
      <c r="AI163" s="139"/>
      <c r="AJ163" s="139"/>
      <c r="AK163" s="139"/>
      <c r="AL163" s="139"/>
      <c r="AM163" s="139"/>
      <c r="AN163" s="139"/>
      <c r="AO163" s="140"/>
    </row>
    <row r="164" spans="1:41" ht="9.75" customHeight="1">
      <c r="A164" s="138"/>
      <c r="B164" s="139"/>
      <c r="C164" s="139"/>
      <c r="D164" s="139"/>
      <c r="E164" s="139"/>
      <c r="F164" s="139"/>
      <c r="G164" s="139"/>
      <c r="H164" s="139"/>
      <c r="I164" s="139"/>
      <c r="J164" s="139"/>
      <c r="K164" s="139"/>
      <c r="L164" s="139"/>
      <c r="M164" s="139"/>
      <c r="N164" s="139"/>
      <c r="O164" s="139"/>
      <c r="P164" s="139"/>
      <c r="Q164" s="139"/>
      <c r="R164" s="139"/>
      <c r="S164" s="139"/>
      <c r="T164" s="139"/>
      <c r="U164" s="139"/>
      <c r="V164" s="139"/>
      <c r="W164" s="139"/>
      <c r="X164" s="139"/>
      <c r="Y164" s="139"/>
      <c r="Z164" s="139"/>
      <c r="AA164" s="139"/>
      <c r="AB164" s="139"/>
      <c r="AC164" s="139"/>
      <c r="AD164" s="139"/>
      <c r="AE164" s="139"/>
      <c r="AF164" s="139"/>
      <c r="AG164" s="139"/>
      <c r="AH164" s="139"/>
      <c r="AI164" s="139"/>
      <c r="AJ164" s="139"/>
      <c r="AK164" s="139"/>
      <c r="AL164" s="139"/>
      <c r="AM164" s="139"/>
      <c r="AN164" s="139"/>
      <c r="AO164" s="140"/>
    </row>
    <row r="165" spans="1:41" ht="9.75" customHeight="1">
      <c r="A165" s="138"/>
      <c r="B165" s="139"/>
      <c r="C165" s="139"/>
      <c r="D165" s="139"/>
      <c r="E165" s="139"/>
      <c r="F165" s="139"/>
      <c r="G165" s="139"/>
      <c r="H165" s="139"/>
      <c r="I165" s="139"/>
      <c r="J165" s="139"/>
      <c r="K165" s="139"/>
      <c r="L165" s="139"/>
      <c r="M165" s="139"/>
      <c r="N165" s="139"/>
      <c r="O165" s="139"/>
      <c r="P165" s="139"/>
      <c r="Q165" s="139"/>
      <c r="R165" s="139"/>
      <c r="S165" s="139"/>
      <c r="T165" s="139"/>
      <c r="U165" s="139"/>
      <c r="V165" s="139"/>
      <c r="W165" s="139"/>
      <c r="X165" s="139"/>
      <c r="Y165" s="139"/>
      <c r="Z165" s="139"/>
      <c r="AA165" s="139"/>
      <c r="AB165" s="139"/>
      <c r="AC165" s="139"/>
      <c r="AD165" s="139"/>
      <c r="AE165" s="139"/>
      <c r="AF165" s="139"/>
      <c r="AG165" s="139"/>
      <c r="AH165" s="139"/>
      <c r="AI165" s="139"/>
      <c r="AJ165" s="139"/>
      <c r="AK165" s="139"/>
      <c r="AL165" s="139"/>
      <c r="AM165" s="139"/>
      <c r="AN165" s="139"/>
      <c r="AO165" s="140"/>
    </row>
    <row r="166" spans="1:41" ht="9.75" customHeight="1">
      <c r="A166" s="138"/>
      <c r="B166" s="139"/>
      <c r="C166" s="139"/>
      <c r="D166" s="139"/>
      <c r="E166" s="139"/>
      <c r="F166" s="139"/>
      <c r="G166" s="139"/>
      <c r="H166" s="139"/>
      <c r="I166" s="139"/>
      <c r="J166" s="139"/>
      <c r="K166" s="139"/>
      <c r="L166" s="139"/>
      <c r="M166" s="139"/>
      <c r="N166" s="139"/>
      <c r="O166" s="139"/>
      <c r="P166" s="139"/>
      <c r="Q166" s="139"/>
      <c r="R166" s="139"/>
      <c r="S166" s="139"/>
      <c r="T166" s="139"/>
      <c r="U166" s="139"/>
      <c r="V166" s="139"/>
      <c r="W166" s="139"/>
      <c r="X166" s="139"/>
      <c r="Y166" s="139"/>
      <c r="Z166" s="139"/>
      <c r="AA166" s="139"/>
      <c r="AB166" s="139"/>
      <c r="AC166" s="139"/>
      <c r="AD166" s="139"/>
      <c r="AE166" s="139"/>
      <c r="AF166" s="139"/>
      <c r="AG166" s="139"/>
      <c r="AH166" s="139"/>
      <c r="AI166" s="139"/>
      <c r="AJ166" s="139"/>
      <c r="AK166" s="139"/>
      <c r="AL166" s="139"/>
      <c r="AM166" s="139"/>
      <c r="AN166" s="139"/>
      <c r="AO166" s="140"/>
    </row>
    <row r="167" spans="1:41" ht="9.75" customHeight="1">
      <c r="A167" s="138"/>
      <c r="B167" s="139"/>
      <c r="C167" s="139"/>
      <c r="D167" s="139"/>
      <c r="E167" s="139"/>
      <c r="F167" s="139"/>
      <c r="G167" s="139"/>
      <c r="H167" s="139"/>
      <c r="I167" s="139"/>
      <c r="J167" s="139"/>
      <c r="K167" s="139"/>
      <c r="L167" s="139"/>
      <c r="M167" s="139"/>
      <c r="N167" s="139"/>
      <c r="O167" s="139"/>
      <c r="P167" s="139"/>
      <c r="Q167" s="139"/>
      <c r="R167" s="139"/>
      <c r="S167" s="139"/>
      <c r="T167" s="139"/>
      <c r="U167" s="139"/>
      <c r="V167" s="139"/>
      <c r="W167" s="139"/>
      <c r="X167" s="139"/>
      <c r="Y167" s="139"/>
      <c r="Z167" s="139"/>
      <c r="AA167" s="139"/>
      <c r="AB167" s="139"/>
      <c r="AC167" s="139"/>
      <c r="AD167" s="139"/>
      <c r="AE167" s="139"/>
      <c r="AF167" s="139"/>
      <c r="AG167" s="139"/>
      <c r="AH167" s="139"/>
      <c r="AI167" s="139"/>
      <c r="AJ167" s="139"/>
      <c r="AK167" s="139"/>
      <c r="AL167" s="139"/>
      <c r="AM167" s="139"/>
      <c r="AN167" s="139"/>
      <c r="AO167" s="140"/>
    </row>
    <row r="168" spans="1:41" ht="9.75" customHeight="1">
      <c r="A168" s="138"/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139"/>
      <c r="M168" s="139"/>
      <c r="N168" s="139"/>
      <c r="O168" s="139"/>
      <c r="P168" s="139"/>
      <c r="Q168" s="139"/>
      <c r="R168" s="139"/>
      <c r="S168" s="139"/>
      <c r="T168" s="139"/>
      <c r="U168" s="139"/>
      <c r="V168" s="139"/>
      <c r="W168" s="139"/>
      <c r="X168" s="139"/>
      <c r="Y168" s="139"/>
      <c r="Z168" s="139"/>
      <c r="AA168" s="139"/>
      <c r="AB168" s="139"/>
      <c r="AC168" s="139"/>
      <c r="AD168" s="139"/>
      <c r="AE168" s="139"/>
      <c r="AF168" s="139"/>
      <c r="AG168" s="139"/>
      <c r="AH168" s="139"/>
      <c r="AI168" s="139"/>
      <c r="AJ168" s="139"/>
      <c r="AK168" s="139"/>
      <c r="AL168" s="139"/>
      <c r="AM168" s="139"/>
      <c r="AN168" s="139"/>
      <c r="AO168" s="140"/>
    </row>
    <row r="169" spans="1:41" ht="9.75" customHeight="1">
      <c r="A169" s="138"/>
      <c r="B169" s="139"/>
      <c r="C169" s="139"/>
      <c r="D169" s="139"/>
      <c r="E169" s="139"/>
      <c r="F169" s="139"/>
      <c r="G169" s="139"/>
      <c r="H169" s="139"/>
      <c r="I169" s="139"/>
      <c r="J169" s="139"/>
      <c r="K169" s="139"/>
      <c r="L169" s="139"/>
      <c r="M169" s="139"/>
      <c r="N169" s="139"/>
      <c r="O169" s="139"/>
      <c r="P169" s="139"/>
      <c r="Q169" s="139"/>
      <c r="R169" s="139"/>
      <c r="S169" s="139"/>
      <c r="T169" s="139"/>
      <c r="U169" s="139"/>
      <c r="V169" s="139"/>
      <c r="W169" s="139"/>
      <c r="X169" s="139"/>
      <c r="Y169" s="139"/>
      <c r="Z169" s="139"/>
      <c r="AA169" s="139"/>
      <c r="AB169" s="139"/>
      <c r="AC169" s="139"/>
      <c r="AD169" s="139"/>
      <c r="AE169" s="139"/>
      <c r="AF169" s="139"/>
      <c r="AG169" s="139"/>
      <c r="AH169" s="139"/>
      <c r="AI169" s="139"/>
      <c r="AJ169" s="139"/>
      <c r="AK169" s="139"/>
      <c r="AL169" s="139"/>
      <c r="AM169" s="139"/>
      <c r="AN169" s="139"/>
      <c r="AO169" s="140"/>
    </row>
    <row r="170" spans="1:41" ht="9.75" customHeight="1">
      <c r="A170" s="141"/>
      <c r="B170" s="142"/>
      <c r="C170" s="142"/>
      <c r="D170" s="142"/>
      <c r="E170" s="142"/>
      <c r="F170" s="142"/>
      <c r="G170" s="142"/>
      <c r="H170" s="142"/>
      <c r="I170" s="142"/>
      <c r="J170" s="142"/>
      <c r="K170" s="142"/>
      <c r="L170" s="142"/>
      <c r="M170" s="142"/>
      <c r="N170" s="142"/>
      <c r="O170" s="142"/>
      <c r="P170" s="142"/>
      <c r="Q170" s="142"/>
      <c r="R170" s="142"/>
      <c r="S170" s="142"/>
      <c r="T170" s="142"/>
      <c r="U170" s="142"/>
      <c r="V170" s="142"/>
      <c r="W170" s="142"/>
      <c r="X170" s="142"/>
      <c r="Y170" s="142"/>
      <c r="Z170" s="142"/>
      <c r="AA170" s="142"/>
      <c r="AB170" s="142"/>
      <c r="AC170" s="142"/>
      <c r="AD170" s="142"/>
      <c r="AE170" s="142"/>
      <c r="AF170" s="142"/>
      <c r="AG170" s="142"/>
      <c r="AH170" s="142"/>
      <c r="AI170" s="142"/>
      <c r="AJ170" s="142"/>
      <c r="AK170" s="142"/>
      <c r="AL170" s="142"/>
      <c r="AM170" s="142"/>
      <c r="AN170" s="142"/>
      <c r="AO170" s="143"/>
    </row>
  </sheetData>
  <mergeCells count="134">
    <mergeCell ref="Q120:Q122"/>
    <mergeCell ref="P120:P122"/>
    <mergeCell ref="Q99:Q101"/>
    <mergeCell ref="P99:P101"/>
    <mergeCell ref="Q102:Q104"/>
    <mergeCell ref="P102:P104"/>
    <mergeCell ref="Q19:Q21"/>
    <mergeCell ref="P19:P21"/>
    <mergeCell ref="Q22:Q24"/>
    <mergeCell ref="P22:P24"/>
    <mergeCell ref="Q43:Q45"/>
    <mergeCell ref="P43:P45"/>
    <mergeCell ref="Q156:Q158"/>
    <mergeCell ref="P156:P158"/>
    <mergeCell ref="Q129:Q131"/>
    <mergeCell ref="P129:P131"/>
    <mergeCell ref="Q135:Q137"/>
    <mergeCell ref="P135:P137"/>
    <mergeCell ref="Q105:Q107"/>
    <mergeCell ref="P105:P107"/>
    <mergeCell ref="Q108:Q110"/>
    <mergeCell ref="P108:P110"/>
    <mergeCell ref="Q111:Q113"/>
    <mergeCell ref="P111:P113"/>
    <mergeCell ref="Q141:Q143"/>
    <mergeCell ref="P141:P143"/>
    <mergeCell ref="Q114:Q116"/>
    <mergeCell ref="P114:P116"/>
    <mergeCell ref="Q117:Q119"/>
    <mergeCell ref="P117:P119"/>
    <mergeCell ref="P67:P69"/>
    <mergeCell ref="Q70:Q72"/>
    <mergeCell ref="P70:P72"/>
    <mergeCell ref="Q73:Q75"/>
    <mergeCell ref="P73:P75"/>
    <mergeCell ref="Q46:Q48"/>
    <mergeCell ref="P46:P48"/>
    <mergeCell ref="Q34:Q36"/>
    <mergeCell ref="P34:P36"/>
    <mergeCell ref="Q37:Q39"/>
    <mergeCell ref="P37:P39"/>
    <mergeCell ref="Q40:Q42"/>
    <mergeCell ref="P40:P42"/>
    <mergeCell ref="D61:D63"/>
    <mergeCell ref="C61:C63"/>
    <mergeCell ref="A5:B8"/>
    <mergeCell ref="C5:D8"/>
    <mergeCell ref="E5:F8"/>
    <mergeCell ref="F16:F18"/>
    <mergeCell ref="E16:E18"/>
    <mergeCell ref="U5:X5"/>
    <mergeCell ref="X6:X8"/>
    <mergeCell ref="B10:B12"/>
    <mergeCell ref="A10:A12"/>
    <mergeCell ref="D13:D15"/>
    <mergeCell ref="C13:C15"/>
    <mergeCell ref="Q10:Q12"/>
    <mergeCell ref="P10:P12"/>
    <mergeCell ref="Q25:Q27"/>
    <mergeCell ref="P25:P27"/>
    <mergeCell ref="Q28:Q30"/>
    <mergeCell ref="P28:P30"/>
    <mergeCell ref="Q31:Q33"/>
    <mergeCell ref="P31:P33"/>
    <mergeCell ref="Q49:Q51"/>
    <mergeCell ref="P49:P51"/>
    <mergeCell ref="Q52:Q54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F153:F155"/>
    <mergeCell ref="E153:E155"/>
    <mergeCell ref="Q96:Q98"/>
    <mergeCell ref="P96:P98"/>
    <mergeCell ref="G5:S5"/>
    <mergeCell ref="T5:T8"/>
    <mergeCell ref="P7:Q8"/>
    <mergeCell ref="R7:S8"/>
    <mergeCell ref="F64:F66"/>
    <mergeCell ref="E64:E66"/>
    <mergeCell ref="F126:F128"/>
    <mergeCell ref="E126:E128"/>
    <mergeCell ref="Q76:Q78"/>
    <mergeCell ref="P76:P78"/>
    <mergeCell ref="Q79:Q81"/>
    <mergeCell ref="P79:P81"/>
    <mergeCell ref="Q82:Q84"/>
    <mergeCell ref="P82:P84"/>
    <mergeCell ref="P52:P54"/>
    <mergeCell ref="Q55:Q57"/>
    <mergeCell ref="P55:P57"/>
    <mergeCell ref="Q58:Q60"/>
    <mergeCell ref="P58:P60"/>
    <mergeCell ref="Q67:Q69"/>
    <mergeCell ref="C144:C146"/>
    <mergeCell ref="D150:D152"/>
    <mergeCell ref="C150:C152"/>
    <mergeCell ref="F132:F134"/>
    <mergeCell ref="E132:E134"/>
    <mergeCell ref="F138:F140"/>
    <mergeCell ref="E138:E140"/>
    <mergeCell ref="F147:F149"/>
    <mergeCell ref="E147:E149"/>
    <mergeCell ref="Z91:AO94"/>
    <mergeCell ref="G91:S91"/>
    <mergeCell ref="A160:F160"/>
    <mergeCell ref="G160:H160"/>
    <mergeCell ref="T91:T94"/>
    <mergeCell ref="U91:X91"/>
    <mergeCell ref="Y91:Y94"/>
    <mergeCell ref="A91:B94"/>
    <mergeCell ref="C91:D94"/>
    <mergeCell ref="E91:F94"/>
    <mergeCell ref="D123:D125"/>
    <mergeCell ref="C123:C125"/>
    <mergeCell ref="G92:H94"/>
    <mergeCell ref="I92:J94"/>
    <mergeCell ref="K92:K94"/>
    <mergeCell ref="L92:M94"/>
    <mergeCell ref="N92:N94"/>
    <mergeCell ref="P92:S92"/>
    <mergeCell ref="U92:V94"/>
    <mergeCell ref="W92:W94"/>
    <mergeCell ref="X92:X94"/>
    <mergeCell ref="P93:Q94"/>
    <mergeCell ref="R93:S94"/>
    <mergeCell ref="D144:D146"/>
  </mergeCells>
  <phoneticPr fontId="1"/>
  <pageMargins left="0.39370078740157483" right="0.39370078740157483" top="0.39370078740157483" bottom="0.39370078740157483" header="0.19685039370078741" footer="0.19685039370078741"/>
  <pageSetup paperSize="9" firstPageNumber="292" pageOrder="overThenDown" orientation="portrait" useFirstPageNumber="1" r:id="rId1"/>
  <headerFooter>
    <oddFooter>&amp;C- &amp;P -</oddFooter>
  </headerFooter>
  <rowBreaks count="1" manualBreakCount="1">
    <brk id="86" max="16383" man="1"/>
  </row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2:AR172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491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333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44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601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492</v>
      </c>
      <c r="I12" s="52" t="s">
        <v>23</v>
      </c>
      <c r="J12" s="53" t="s">
        <v>493</v>
      </c>
      <c r="K12" s="54" t="s">
        <v>22</v>
      </c>
      <c r="L12" s="54" t="s">
        <v>494</v>
      </c>
      <c r="M12" s="55"/>
      <c r="N12" s="55"/>
      <c r="O12" s="56"/>
      <c r="P12" s="52"/>
      <c r="Q12" s="53"/>
      <c r="R12" s="52" t="s">
        <v>495</v>
      </c>
      <c r="S12" s="57"/>
      <c r="T12" s="58" t="s">
        <v>496</v>
      </c>
      <c r="U12" s="53" t="s">
        <v>497</v>
      </c>
      <c r="V12" s="52"/>
      <c r="W12" s="53" t="s">
        <v>498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85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499</v>
      </c>
      <c r="I15" s="43" t="s">
        <v>23</v>
      </c>
      <c r="J15" s="44" t="s">
        <v>500</v>
      </c>
      <c r="K15" s="45" t="s">
        <v>22</v>
      </c>
      <c r="L15" s="45" t="s">
        <v>501</v>
      </c>
      <c r="M15" s="42"/>
      <c r="N15" s="42"/>
      <c r="O15" s="64"/>
      <c r="P15" s="43"/>
      <c r="Q15" s="44"/>
      <c r="R15" s="43" t="s">
        <v>502</v>
      </c>
      <c r="S15" s="46"/>
      <c r="T15" s="47" t="s">
        <v>503</v>
      </c>
      <c r="U15" s="44" t="s">
        <v>497</v>
      </c>
      <c r="V15" s="43"/>
      <c r="W15" s="44" t="s">
        <v>504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505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499</v>
      </c>
      <c r="I18" s="43" t="s">
        <v>23</v>
      </c>
      <c r="J18" s="44" t="s">
        <v>500</v>
      </c>
      <c r="K18" s="45" t="s">
        <v>22</v>
      </c>
      <c r="L18" s="45" t="s">
        <v>501</v>
      </c>
      <c r="M18" s="42"/>
      <c r="N18" s="42"/>
      <c r="O18" s="64"/>
      <c r="P18" s="43"/>
      <c r="Q18" s="44"/>
      <c r="R18" s="43" t="s">
        <v>506</v>
      </c>
      <c r="S18" s="46"/>
      <c r="T18" s="47" t="s">
        <v>507</v>
      </c>
      <c r="U18" s="44" t="s">
        <v>497</v>
      </c>
      <c r="V18" s="43"/>
      <c r="W18" s="44" t="s">
        <v>504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50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501</v>
      </c>
      <c r="R21" s="43" t="s">
        <v>506</v>
      </c>
      <c r="S21" s="46"/>
      <c r="T21" s="47" t="s">
        <v>507</v>
      </c>
      <c r="U21" s="44" t="s">
        <v>497</v>
      </c>
      <c r="V21" s="43"/>
      <c r="W21" s="44" t="s">
        <v>504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43"/>
      <c r="D22" s="41"/>
      <c r="E22" s="43"/>
      <c r="F22" s="41"/>
      <c r="G22" s="43"/>
      <c r="H22" s="44"/>
      <c r="I22" s="43"/>
      <c r="J22" s="44"/>
      <c r="K22" s="45"/>
      <c r="L22" s="45"/>
      <c r="M22" s="42"/>
      <c r="N22" s="229"/>
      <c r="O22" s="223"/>
      <c r="P22" s="43"/>
      <c r="Q22" s="44"/>
      <c r="R22" s="43"/>
      <c r="S22" s="46"/>
      <c r="T22" s="47"/>
      <c r="U22" s="44"/>
      <c r="V22" s="43"/>
      <c r="W22" s="44"/>
      <c r="X22" s="33"/>
      <c r="Y22" s="33"/>
      <c r="Z22" s="33"/>
      <c r="AA22" s="33"/>
      <c r="AB22" s="34"/>
      <c r="AC22" s="34"/>
      <c r="AD22" s="34"/>
      <c r="AE22" s="34"/>
      <c r="AF22" s="34"/>
      <c r="AG22" s="34"/>
      <c r="AH22" s="34"/>
      <c r="AI22" s="34"/>
      <c r="AJ22" s="34"/>
      <c r="AK22" s="35"/>
      <c r="AL22" s="35"/>
      <c r="AM22" s="36"/>
    </row>
    <row r="23" spans="1:39" s="59" customFormat="1" ht="9.75" customHeight="1">
      <c r="A23" s="50"/>
      <c r="B23" s="51"/>
      <c r="C23" s="43"/>
      <c r="D23" s="64"/>
      <c r="E23" s="218" t="s">
        <v>25</v>
      </c>
      <c r="F23" s="230" t="s">
        <v>602</v>
      </c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43"/>
      <c r="D24" s="64"/>
      <c r="E24" s="219"/>
      <c r="F24" s="222"/>
      <c r="G24" s="43"/>
      <c r="H24" s="44" t="s">
        <v>22</v>
      </c>
      <c r="I24" s="43"/>
      <c r="J24" s="44" t="s">
        <v>22</v>
      </c>
      <c r="K24" s="45" t="s">
        <v>22</v>
      </c>
      <c r="L24" s="45" t="s">
        <v>22</v>
      </c>
      <c r="M24" s="42"/>
      <c r="N24" s="42"/>
      <c r="O24" s="41"/>
      <c r="P24" s="43"/>
      <c r="Q24" s="44"/>
      <c r="R24" s="43" t="s">
        <v>508</v>
      </c>
      <c r="S24" s="46"/>
      <c r="T24" s="47" t="s">
        <v>508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43"/>
      <c r="D25" s="64"/>
      <c r="E25" s="219"/>
      <c r="F25" s="222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43"/>
      <c r="F26" s="64"/>
      <c r="G26" s="43"/>
      <c r="H26" s="44"/>
      <c r="I26" s="43"/>
      <c r="J26" s="44"/>
      <c r="K26" s="45"/>
      <c r="L26" s="45"/>
      <c r="M26" s="42"/>
      <c r="N26" s="227" t="s">
        <v>21</v>
      </c>
      <c r="O26" s="230" t="s">
        <v>602</v>
      </c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43"/>
      <c r="F27" s="64"/>
      <c r="G27" s="43"/>
      <c r="H27" s="44"/>
      <c r="I27" s="43"/>
      <c r="J27" s="44"/>
      <c r="K27" s="45"/>
      <c r="L27" s="45"/>
      <c r="M27" s="42"/>
      <c r="N27" s="228"/>
      <c r="O27" s="222"/>
      <c r="P27" s="43"/>
      <c r="Q27" s="44" t="s">
        <v>22</v>
      </c>
      <c r="R27" s="43" t="s">
        <v>508</v>
      </c>
      <c r="S27" s="46"/>
      <c r="T27" s="47" t="s">
        <v>508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91"/>
      <c r="F28" s="102"/>
      <c r="G28" s="91"/>
      <c r="H28" s="92"/>
      <c r="I28" s="91"/>
      <c r="J28" s="92"/>
      <c r="K28" s="48"/>
      <c r="L28" s="48"/>
      <c r="M28" s="49"/>
      <c r="N28" s="229"/>
      <c r="O28" s="223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5</v>
      </c>
      <c r="D29" s="230" t="s">
        <v>566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509</v>
      </c>
      <c r="I30" s="43" t="s">
        <v>23</v>
      </c>
      <c r="J30" s="44" t="s">
        <v>510</v>
      </c>
      <c r="K30" s="45" t="s">
        <v>22</v>
      </c>
      <c r="L30" s="45" t="s">
        <v>511</v>
      </c>
      <c r="M30" s="42"/>
      <c r="N30" s="42"/>
      <c r="O30" s="41"/>
      <c r="P30" s="43"/>
      <c r="Q30" s="44"/>
      <c r="R30" s="43" t="s">
        <v>512</v>
      </c>
      <c r="S30" s="46"/>
      <c r="T30" s="47" t="s">
        <v>512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21" t="s">
        <v>43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509</v>
      </c>
      <c r="I33" s="43" t="s">
        <v>23</v>
      </c>
      <c r="J33" s="44" t="s">
        <v>510</v>
      </c>
      <c r="K33" s="45" t="s">
        <v>22</v>
      </c>
      <c r="L33" s="45" t="s">
        <v>511</v>
      </c>
      <c r="M33" s="42"/>
      <c r="N33" s="42"/>
      <c r="O33" s="64"/>
      <c r="P33" s="43"/>
      <c r="Q33" s="44"/>
      <c r="R33" s="43" t="s">
        <v>512</v>
      </c>
      <c r="S33" s="46"/>
      <c r="T33" s="47" t="s">
        <v>512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43"/>
      <c r="D34" s="64"/>
      <c r="E34" s="219"/>
      <c r="F34" s="222"/>
      <c r="G34" s="43"/>
      <c r="H34" s="44"/>
      <c r="I34" s="43"/>
      <c r="J34" s="44"/>
      <c r="K34" s="45"/>
      <c r="L34" s="45"/>
      <c r="M34" s="42"/>
      <c r="N34" s="42"/>
      <c r="O34" s="64"/>
      <c r="P34" s="43"/>
      <c r="Q34" s="44"/>
      <c r="R34" s="43"/>
      <c r="S34" s="46"/>
      <c r="T34" s="47"/>
      <c r="U34" s="44"/>
      <c r="V34" s="43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40"/>
      <c r="B35" s="41"/>
      <c r="C35" s="43"/>
      <c r="D35" s="41"/>
      <c r="E35" s="43"/>
      <c r="F35" s="64"/>
      <c r="G35" s="43"/>
      <c r="H35" s="44"/>
      <c r="I35" s="43"/>
      <c r="J35" s="44"/>
      <c r="K35" s="45"/>
      <c r="L35" s="45"/>
      <c r="M35" s="42"/>
      <c r="N35" s="227" t="s">
        <v>21</v>
      </c>
      <c r="O35" s="230" t="s">
        <v>603</v>
      </c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40"/>
      <c r="B36" s="41"/>
      <c r="C36" s="43"/>
      <c r="D36" s="41"/>
      <c r="E36" s="43"/>
      <c r="F36" s="64"/>
      <c r="G36" s="43"/>
      <c r="H36" s="44"/>
      <c r="I36" s="43"/>
      <c r="J36" s="44"/>
      <c r="K36" s="45"/>
      <c r="L36" s="45"/>
      <c r="M36" s="42"/>
      <c r="N36" s="228"/>
      <c r="O36" s="222"/>
      <c r="P36" s="43"/>
      <c r="Q36" s="44" t="s">
        <v>511</v>
      </c>
      <c r="R36" s="43" t="s">
        <v>512</v>
      </c>
      <c r="S36" s="46"/>
      <c r="T36" s="47" t="s">
        <v>512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40"/>
      <c r="B37" s="41"/>
      <c r="C37" s="91"/>
      <c r="D37" s="90"/>
      <c r="E37" s="91"/>
      <c r="F37" s="102"/>
      <c r="G37" s="91"/>
      <c r="H37" s="92"/>
      <c r="I37" s="91"/>
      <c r="J37" s="92"/>
      <c r="K37" s="48"/>
      <c r="L37" s="48"/>
      <c r="M37" s="49"/>
      <c r="N37" s="229"/>
      <c r="O37" s="223"/>
      <c r="P37" s="91"/>
      <c r="Q37" s="92"/>
      <c r="R37" s="91"/>
      <c r="S37" s="93"/>
      <c r="T37" s="94"/>
      <c r="U37" s="92"/>
      <c r="V37" s="91"/>
      <c r="W37" s="92"/>
      <c r="X37" s="95"/>
      <c r="Y37" s="95"/>
      <c r="Z37" s="95"/>
      <c r="AA37" s="95"/>
      <c r="AB37" s="96"/>
      <c r="AC37" s="96"/>
      <c r="AD37" s="96"/>
      <c r="AE37" s="96"/>
      <c r="AF37" s="96"/>
      <c r="AG37" s="96"/>
      <c r="AH37" s="96"/>
      <c r="AI37" s="96"/>
      <c r="AJ37" s="96"/>
      <c r="AK37" s="97"/>
      <c r="AL37" s="97"/>
      <c r="AM37" s="98"/>
    </row>
    <row r="38" spans="1:39" s="59" customFormat="1" ht="9.75" customHeight="1">
      <c r="A38" s="50"/>
      <c r="B38" s="51"/>
      <c r="C38" s="218" t="s">
        <v>26</v>
      </c>
      <c r="D38" s="230" t="s">
        <v>567</v>
      </c>
      <c r="E38" s="66"/>
      <c r="F38" s="67"/>
      <c r="G38" s="66"/>
      <c r="H38" s="69"/>
      <c r="I38" s="66"/>
      <c r="J38" s="69"/>
      <c r="K38" s="70"/>
      <c r="L38" s="70"/>
      <c r="M38" s="71"/>
      <c r="N38" s="71"/>
      <c r="O38" s="68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50"/>
      <c r="B39" s="51"/>
      <c r="C39" s="219"/>
      <c r="D39" s="222"/>
      <c r="E39" s="43"/>
      <c r="F39" s="64"/>
      <c r="G39" s="43"/>
      <c r="H39" s="44" t="s">
        <v>513</v>
      </c>
      <c r="I39" s="43" t="s">
        <v>23</v>
      </c>
      <c r="J39" s="44" t="s">
        <v>514</v>
      </c>
      <c r="K39" s="45" t="s">
        <v>22</v>
      </c>
      <c r="L39" s="45" t="s">
        <v>515</v>
      </c>
      <c r="M39" s="42"/>
      <c r="N39" s="42"/>
      <c r="O39" s="41"/>
      <c r="P39" s="43"/>
      <c r="Q39" s="44"/>
      <c r="R39" s="43" t="s">
        <v>516</v>
      </c>
      <c r="S39" s="46"/>
      <c r="T39" s="47" t="s">
        <v>517</v>
      </c>
      <c r="U39" s="44" t="s">
        <v>22</v>
      </c>
      <c r="V39" s="43"/>
      <c r="W39" s="44" t="s">
        <v>518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50"/>
      <c r="B40" s="51"/>
      <c r="C40" s="219"/>
      <c r="D40" s="222"/>
      <c r="E40" s="43"/>
      <c r="F40" s="64"/>
      <c r="G40" s="43"/>
      <c r="H40" s="44"/>
      <c r="I40" s="43"/>
      <c r="J40" s="44"/>
      <c r="K40" s="45"/>
      <c r="L40" s="45"/>
      <c r="M40" s="42"/>
      <c r="N40" s="42"/>
      <c r="O40" s="41"/>
      <c r="P40" s="43"/>
      <c r="Q40" s="44"/>
      <c r="R40" s="43"/>
      <c r="S40" s="46"/>
      <c r="T40" s="47"/>
      <c r="U40" s="44"/>
      <c r="V40" s="43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50"/>
      <c r="B41" s="56"/>
      <c r="C41" s="43"/>
      <c r="D41" s="64"/>
      <c r="E41" s="218" t="s">
        <v>21</v>
      </c>
      <c r="F41" s="221" t="s">
        <v>45</v>
      </c>
      <c r="G41" s="66"/>
      <c r="H41" s="69"/>
      <c r="I41" s="66"/>
      <c r="J41" s="69"/>
      <c r="K41" s="70"/>
      <c r="L41" s="70"/>
      <c r="M41" s="71"/>
      <c r="N41" s="71"/>
      <c r="O41" s="67"/>
      <c r="P41" s="66"/>
      <c r="Q41" s="69"/>
      <c r="R41" s="66"/>
      <c r="S41" s="72"/>
      <c r="T41" s="73"/>
      <c r="U41" s="69"/>
      <c r="V41" s="66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40"/>
      <c r="B42" s="41"/>
      <c r="C42" s="43"/>
      <c r="D42" s="64"/>
      <c r="E42" s="219"/>
      <c r="F42" s="222"/>
      <c r="G42" s="43"/>
      <c r="H42" s="44" t="s">
        <v>513</v>
      </c>
      <c r="I42" s="43" t="s">
        <v>23</v>
      </c>
      <c r="J42" s="44" t="s">
        <v>514</v>
      </c>
      <c r="K42" s="45" t="s">
        <v>22</v>
      </c>
      <c r="L42" s="45" t="s">
        <v>515</v>
      </c>
      <c r="M42" s="42"/>
      <c r="N42" s="42"/>
      <c r="O42" s="64"/>
      <c r="P42" s="43"/>
      <c r="Q42" s="44"/>
      <c r="R42" s="43" t="s">
        <v>516</v>
      </c>
      <c r="S42" s="46"/>
      <c r="T42" s="47" t="s">
        <v>517</v>
      </c>
      <c r="U42" s="44" t="s">
        <v>22</v>
      </c>
      <c r="V42" s="43"/>
      <c r="W42" s="44" t="s">
        <v>518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43"/>
      <c r="D43" s="64"/>
      <c r="E43" s="219"/>
      <c r="F43" s="222"/>
      <c r="G43" s="43"/>
      <c r="H43" s="44"/>
      <c r="I43" s="43"/>
      <c r="J43" s="44"/>
      <c r="K43" s="45"/>
      <c r="L43" s="45"/>
      <c r="M43" s="42"/>
      <c r="N43" s="42"/>
      <c r="O43" s="64"/>
      <c r="P43" s="43"/>
      <c r="Q43" s="44"/>
      <c r="R43" s="43"/>
      <c r="S43" s="46"/>
      <c r="T43" s="47"/>
      <c r="U43" s="44"/>
      <c r="V43" s="43"/>
      <c r="W43" s="44"/>
      <c r="X43" s="33"/>
      <c r="Y43" s="33"/>
      <c r="Z43" s="33"/>
      <c r="AA43" s="33"/>
      <c r="AB43" s="34"/>
      <c r="AC43" s="34"/>
      <c r="AD43" s="34"/>
      <c r="AE43" s="34"/>
      <c r="AF43" s="34"/>
      <c r="AG43" s="34"/>
      <c r="AH43" s="34"/>
      <c r="AI43" s="34"/>
      <c r="AJ43" s="34"/>
      <c r="AK43" s="35"/>
      <c r="AL43" s="35"/>
      <c r="AM43" s="36"/>
    </row>
    <row r="44" spans="1:39" s="59" customFormat="1" ht="9.75" customHeight="1">
      <c r="A44" s="40"/>
      <c r="B44" s="41"/>
      <c r="C44" s="43"/>
      <c r="D44" s="41"/>
      <c r="E44" s="43"/>
      <c r="F44" s="64"/>
      <c r="G44" s="43"/>
      <c r="H44" s="44"/>
      <c r="I44" s="43"/>
      <c r="J44" s="44"/>
      <c r="K44" s="45"/>
      <c r="L44" s="45"/>
      <c r="M44" s="42"/>
      <c r="N44" s="227" t="s">
        <v>21</v>
      </c>
      <c r="O44" s="221" t="s">
        <v>45</v>
      </c>
      <c r="P44" s="66"/>
      <c r="Q44" s="69"/>
      <c r="R44" s="66"/>
      <c r="S44" s="72"/>
      <c r="T44" s="73"/>
      <c r="U44" s="69"/>
      <c r="V44" s="66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40"/>
      <c r="B45" s="41"/>
      <c r="C45" s="43"/>
      <c r="D45" s="41"/>
      <c r="E45" s="43"/>
      <c r="F45" s="64"/>
      <c r="G45" s="43"/>
      <c r="H45" s="44"/>
      <c r="I45" s="43"/>
      <c r="J45" s="44"/>
      <c r="K45" s="45"/>
      <c r="L45" s="45"/>
      <c r="M45" s="42"/>
      <c r="N45" s="228"/>
      <c r="O45" s="222"/>
      <c r="P45" s="43"/>
      <c r="Q45" s="44" t="s">
        <v>515</v>
      </c>
      <c r="R45" s="43" t="s">
        <v>516</v>
      </c>
      <c r="S45" s="46"/>
      <c r="T45" s="47" t="s">
        <v>517</v>
      </c>
      <c r="U45" s="44" t="s">
        <v>22</v>
      </c>
      <c r="V45" s="43"/>
      <c r="W45" s="44" t="s">
        <v>518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40"/>
      <c r="B46" s="41"/>
      <c r="C46" s="91"/>
      <c r="D46" s="90"/>
      <c r="E46" s="91"/>
      <c r="F46" s="102"/>
      <c r="G46" s="91"/>
      <c r="H46" s="92"/>
      <c r="I46" s="91"/>
      <c r="J46" s="92"/>
      <c r="K46" s="48"/>
      <c r="L46" s="48"/>
      <c r="M46" s="49"/>
      <c r="N46" s="229"/>
      <c r="O46" s="223"/>
      <c r="P46" s="91"/>
      <c r="Q46" s="92"/>
      <c r="R46" s="91"/>
      <c r="S46" s="93"/>
      <c r="T46" s="94"/>
      <c r="U46" s="92"/>
      <c r="V46" s="91"/>
      <c r="W46" s="92"/>
      <c r="X46" s="95"/>
      <c r="Y46" s="95"/>
      <c r="Z46" s="95"/>
      <c r="AA46" s="95"/>
      <c r="AB46" s="96"/>
      <c r="AC46" s="96"/>
      <c r="AD46" s="96"/>
      <c r="AE46" s="96"/>
      <c r="AF46" s="96"/>
      <c r="AG46" s="96"/>
      <c r="AH46" s="96"/>
      <c r="AI46" s="96"/>
      <c r="AJ46" s="96"/>
      <c r="AK46" s="97"/>
      <c r="AL46" s="97"/>
      <c r="AM46" s="98"/>
    </row>
    <row r="47" spans="1:39" s="59" customFormat="1" ht="9.75" customHeight="1">
      <c r="A47" s="50"/>
      <c r="B47" s="51"/>
      <c r="C47" s="218" t="s">
        <v>31</v>
      </c>
      <c r="D47" s="221" t="s">
        <v>49</v>
      </c>
      <c r="E47" s="66"/>
      <c r="F47" s="67"/>
      <c r="G47" s="66"/>
      <c r="H47" s="69"/>
      <c r="I47" s="66"/>
      <c r="J47" s="69"/>
      <c r="K47" s="70"/>
      <c r="L47" s="70"/>
      <c r="M47" s="71"/>
      <c r="N47" s="71"/>
      <c r="O47" s="68"/>
      <c r="P47" s="66"/>
      <c r="Q47" s="69"/>
      <c r="R47" s="66"/>
      <c r="S47" s="72"/>
      <c r="T47" s="73"/>
      <c r="U47" s="69"/>
      <c r="V47" s="66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50"/>
      <c r="B48" s="51"/>
      <c r="C48" s="219"/>
      <c r="D48" s="222"/>
      <c r="E48" s="43"/>
      <c r="F48" s="64"/>
      <c r="G48" s="43"/>
      <c r="H48" s="44" t="s">
        <v>519</v>
      </c>
      <c r="I48" s="43" t="s">
        <v>23</v>
      </c>
      <c r="J48" s="44" t="s">
        <v>520</v>
      </c>
      <c r="K48" s="45" t="s">
        <v>22</v>
      </c>
      <c r="L48" s="45" t="s">
        <v>521</v>
      </c>
      <c r="M48" s="42"/>
      <c r="N48" s="42"/>
      <c r="O48" s="41"/>
      <c r="P48" s="43"/>
      <c r="Q48" s="44"/>
      <c r="R48" s="43" t="s">
        <v>522</v>
      </c>
      <c r="S48" s="46"/>
      <c r="T48" s="47" t="s">
        <v>522</v>
      </c>
      <c r="U48" s="44" t="s">
        <v>22</v>
      </c>
      <c r="V48" s="43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50"/>
      <c r="B49" s="51"/>
      <c r="C49" s="219"/>
      <c r="D49" s="222"/>
      <c r="E49" s="43"/>
      <c r="F49" s="64"/>
      <c r="G49" s="43"/>
      <c r="H49" s="44"/>
      <c r="I49" s="43"/>
      <c r="J49" s="44"/>
      <c r="K49" s="45"/>
      <c r="L49" s="45"/>
      <c r="M49" s="42"/>
      <c r="N49" s="42"/>
      <c r="O49" s="41"/>
      <c r="P49" s="43"/>
      <c r="Q49" s="44"/>
      <c r="R49" s="43"/>
      <c r="S49" s="46"/>
      <c r="T49" s="47"/>
      <c r="U49" s="44"/>
      <c r="V49" s="43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50"/>
      <c r="B50" s="56"/>
      <c r="C50" s="43"/>
      <c r="D50" s="64"/>
      <c r="E50" s="218" t="s">
        <v>21</v>
      </c>
      <c r="F50" s="221" t="s">
        <v>51</v>
      </c>
      <c r="G50" s="66"/>
      <c r="H50" s="69"/>
      <c r="I50" s="66"/>
      <c r="J50" s="69"/>
      <c r="K50" s="70"/>
      <c r="L50" s="70"/>
      <c r="M50" s="71"/>
      <c r="N50" s="71"/>
      <c r="O50" s="67"/>
      <c r="P50" s="66"/>
      <c r="Q50" s="69"/>
      <c r="R50" s="66"/>
      <c r="S50" s="72"/>
      <c r="T50" s="73"/>
      <c r="U50" s="69"/>
      <c r="V50" s="66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40"/>
      <c r="B51" s="41"/>
      <c r="C51" s="43"/>
      <c r="D51" s="64"/>
      <c r="E51" s="219"/>
      <c r="F51" s="222"/>
      <c r="G51" s="43"/>
      <c r="H51" s="44" t="s">
        <v>519</v>
      </c>
      <c r="I51" s="43" t="s">
        <v>23</v>
      </c>
      <c r="J51" s="44" t="s">
        <v>520</v>
      </c>
      <c r="K51" s="45" t="s">
        <v>22</v>
      </c>
      <c r="L51" s="45" t="s">
        <v>521</v>
      </c>
      <c r="M51" s="42"/>
      <c r="N51" s="42"/>
      <c r="O51" s="64"/>
      <c r="P51" s="43"/>
      <c r="Q51" s="44"/>
      <c r="R51" s="43" t="s">
        <v>522</v>
      </c>
      <c r="S51" s="46"/>
      <c r="T51" s="47" t="s">
        <v>522</v>
      </c>
      <c r="U51" s="44" t="s">
        <v>22</v>
      </c>
      <c r="V51" s="43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40"/>
      <c r="B52" s="41"/>
      <c r="C52" s="43"/>
      <c r="D52" s="64"/>
      <c r="E52" s="219"/>
      <c r="F52" s="222"/>
      <c r="G52" s="43"/>
      <c r="H52" s="44"/>
      <c r="I52" s="43"/>
      <c r="J52" s="44"/>
      <c r="K52" s="45"/>
      <c r="L52" s="45"/>
      <c r="M52" s="42"/>
      <c r="N52" s="42"/>
      <c r="O52" s="64"/>
      <c r="P52" s="43"/>
      <c r="Q52" s="44"/>
      <c r="R52" s="43"/>
      <c r="S52" s="46"/>
      <c r="T52" s="47"/>
      <c r="U52" s="44"/>
      <c r="V52" s="43"/>
      <c r="W52" s="44"/>
      <c r="X52" s="33"/>
      <c r="Y52" s="33"/>
      <c r="Z52" s="33"/>
      <c r="AA52" s="33"/>
      <c r="AB52" s="34"/>
      <c r="AC52" s="34"/>
      <c r="AD52" s="34"/>
      <c r="AE52" s="34"/>
      <c r="AF52" s="34"/>
      <c r="AG52" s="34"/>
      <c r="AH52" s="34"/>
      <c r="AI52" s="34"/>
      <c r="AJ52" s="34"/>
      <c r="AK52" s="35"/>
      <c r="AL52" s="35"/>
      <c r="AM52" s="36"/>
    </row>
    <row r="53" spans="1:39" s="59" customFormat="1" ht="9.75" customHeight="1">
      <c r="A53" s="40"/>
      <c r="B53" s="41"/>
      <c r="C53" s="43"/>
      <c r="D53" s="41"/>
      <c r="E53" s="43"/>
      <c r="F53" s="64"/>
      <c r="G53" s="43"/>
      <c r="H53" s="44"/>
      <c r="I53" s="43"/>
      <c r="J53" s="44"/>
      <c r="K53" s="45"/>
      <c r="L53" s="45"/>
      <c r="M53" s="42"/>
      <c r="N53" s="227" t="s">
        <v>21</v>
      </c>
      <c r="O53" s="230" t="s">
        <v>604</v>
      </c>
      <c r="P53" s="66"/>
      <c r="Q53" s="69"/>
      <c r="R53" s="66"/>
      <c r="S53" s="72"/>
      <c r="T53" s="73"/>
      <c r="U53" s="69"/>
      <c r="V53" s="66"/>
      <c r="W53" s="69"/>
      <c r="X53" s="74" t="s">
        <v>1</v>
      </c>
      <c r="Y53" s="74"/>
      <c r="Z53" s="74"/>
      <c r="AA53" s="74"/>
      <c r="AB53" s="75"/>
      <c r="AC53" s="75"/>
      <c r="AD53" s="75"/>
      <c r="AE53" s="75"/>
      <c r="AF53" s="75"/>
      <c r="AG53" s="75"/>
      <c r="AH53" s="75"/>
      <c r="AI53" s="75"/>
      <c r="AJ53" s="75"/>
      <c r="AK53" s="25"/>
      <c r="AL53" s="25"/>
      <c r="AM53" s="32"/>
    </row>
    <row r="54" spans="1:39" s="59" customFormat="1" ht="9.75" customHeight="1">
      <c r="A54" s="40"/>
      <c r="B54" s="41"/>
      <c r="C54" s="43"/>
      <c r="D54" s="41"/>
      <c r="E54" s="43"/>
      <c r="F54" s="64"/>
      <c r="G54" s="43"/>
      <c r="H54" s="44"/>
      <c r="I54" s="43"/>
      <c r="J54" s="44"/>
      <c r="K54" s="45"/>
      <c r="L54" s="45"/>
      <c r="M54" s="42"/>
      <c r="N54" s="228"/>
      <c r="O54" s="222"/>
      <c r="P54" s="43"/>
      <c r="Q54" s="44" t="s">
        <v>521</v>
      </c>
      <c r="R54" s="43" t="s">
        <v>522</v>
      </c>
      <c r="S54" s="46"/>
      <c r="T54" s="47" t="s">
        <v>522</v>
      </c>
      <c r="U54" s="44" t="s">
        <v>22</v>
      </c>
      <c r="V54" s="43"/>
      <c r="W54" s="44" t="s">
        <v>22</v>
      </c>
      <c r="X54" s="33"/>
      <c r="Y54" s="33"/>
      <c r="Z54" s="33"/>
      <c r="AA54" s="33"/>
      <c r="AB54" s="34"/>
      <c r="AC54" s="34"/>
      <c r="AD54" s="34"/>
      <c r="AE54" s="34"/>
      <c r="AF54" s="34"/>
      <c r="AG54" s="34"/>
      <c r="AH54" s="34"/>
      <c r="AI54" s="34"/>
      <c r="AJ54" s="34"/>
      <c r="AK54" s="35"/>
      <c r="AL54" s="35"/>
      <c r="AM54" s="36"/>
    </row>
    <row r="55" spans="1:39" s="59" customFormat="1" ht="9.75" customHeight="1">
      <c r="A55" s="40"/>
      <c r="B55" s="41"/>
      <c r="C55" s="91"/>
      <c r="D55" s="90"/>
      <c r="E55" s="91"/>
      <c r="F55" s="102"/>
      <c r="G55" s="91"/>
      <c r="H55" s="92"/>
      <c r="I55" s="91"/>
      <c r="J55" s="92"/>
      <c r="K55" s="48"/>
      <c r="L55" s="48"/>
      <c r="M55" s="49"/>
      <c r="N55" s="229"/>
      <c r="O55" s="223"/>
      <c r="P55" s="91"/>
      <c r="Q55" s="92"/>
      <c r="R55" s="91"/>
      <c r="S55" s="93"/>
      <c r="T55" s="94"/>
      <c r="U55" s="92"/>
      <c r="V55" s="91"/>
      <c r="W55" s="92"/>
      <c r="X55" s="95"/>
      <c r="Y55" s="95"/>
      <c r="Z55" s="95"/>
      <c r="AA55" s="95"/>
      <c r="AB55" s="96"/>
      <c r="AC55" s="96"/>
      <c r="AD55" s="96"/>
      <c r="AE55" s="96"/>
      <c r="AF55" s="96"/>
      <c r="AG55" s="96"/>
      <c r="AH55" s="96"/>
      <c r="AI55" s="96"/>
      <c r="AJ55" s="96"/>
      <c r="AK55" s="97"/>
      <c r="AL55" s="97"/>
      <c r="AM55" s="98"/>
    </row>
    <row r="56" spans="1:39" s="59" customFormat="1" ht="9.75" customHeight="1">
      <c r="A56" s="50"/>
      <c r="B56" s="51"/>
      <c r="C56" s="218" t="s">
        <v>32</v>
      </c>
      <c r="D56" s="221" t="s">
        <v>52</v>
      </c>
      <c r="E56" s="66"/>
      <c r="F56" s="67"/>
      <c r="G56" s="66"/>
      <c r="H56" s="69"/>
      <c r="I56" s="66"/>
      <c r="J56" s="69"/>
      <c r="K56" s="70"/>
      <c r="L56" s="70"/>
      <c r="M56" s="71"/>
      <c r="N56" s="71"/>
      <c r="O56" s="68"/>
      <c r="P56" s="66"/>
      <c r="Q56" s="69"/>
      <c r="R56" s="66"/>
      <c r="S56" s="72"/>
      <c r="T56" s="73"/>
      <c r="U56" s="69"/>
      <c r="V56" s="66"/>
      <c r="W56" s="69"/>
      <c r="X56" s="74" t="s">
        <v>1</v>
      </c>
      <c r="Y56" s="74"/>
      <c r="Z56" s="74"/>
      <c r="AA56" s="74"/>
      <c r="AB56" s="75"/>
      <c r="AC56" s="75"/>
      <c r="AD56" s="75"/>
      <c r="AE56" s="75"/>
      <c r="AF56" s="75"/>
      <c r="AG56" s="75"/>
      <c r="AH56" s="75"/>
      <c r="AI56" s="75"/>
      <c r="AJ56" s="75"/>
      <c r="AK56" s="25"/>
      <c r="AL56" s="25"/>
      <c r="AM56" s="32"/>
    </row>
    <row r="57" spans="1:39" s="59" customFormat="1" ht="9.75" customHeight="1">
      <c r="A57" s="50"/>
      <c r="B57" s="51"/>
      <c r="C57" s="219"/>
      <c r="D57" s="222"/>
      <c r="E57" s="43"/>
      <c r="F57" s="64"/>
      <c r="G57" s="43"/>
      <c r="H57" s="44" t="s">
        <v>523</v>
      </c>
      <c r="I57" s="43"/>
      <c r="J57" s="44" t="s">
        <v>524</v>
      </c>
      <c r="K57" s="45" t="s">
        <v>22</v>
      </c>
      <c r="L57" s="45" t="s">
        <v>525</v>
      </c>
      <c r="M57" s="42"/>
      <c r="N57" s="42"/>
      <c r="O57" s="41"/>
      <c r="P57" s="43"/>
      <c r="Q57" s="44"/>
      <c r="R57" s="43" t="s">
        <v>526</v>
      </c>
      <c r="S57" s="46"/>
      <c r="T57" s="47" t="s">
        <v>527</v>
      </c>
      <c r="U57" s="44" t="s">
        <v>22</v>
      </c>
      <c r="V57" s="43"/>
      <c r="W57" s="44" t="s">
        <v>528</v>
      </c>
      <c r="X57" s="33"/>
      <c r="Y57" s="33"/>
      <c r="Z57" s="33"/>
      <c r="AA57" s="33"/>
      <c r="AB57" s="34"/>
      <c r="AC57" s="34"/>
      <c r="AD57" s="34"/>
      <c r="AE57" s="34"/>
      <c r="AF57" s="34"/>
      <c r="AG57" s="34"/>
      <c r="AH57" s="34"/>
      <c r="AI57" s="34"/>
      <c r="AJ57" s="34"/>
      <c r="AK57" s="35"/>
      <c r="AL57" s="35"/>
      <c r="AM57" s="36"/>
    </row>
    <row r="58" spans="1:39" s="59" customFormat="1" ht="9.75" customHeight="1">
      <c r="A58" s="50"/>
      <c r="B58" s="51"/>
      <c r="C58" s="219"/>
      <c r="D58" s="222"/>
      <c r="E58" s="43"/>
      <c r="F58" s="64"/>
      <c r="G58" s="43"/>
      <c r="H58" s="44"/>
      <c r="I58" s="43"/>
      <c r="J58" s="44"/>
      <c r="K58" s="45"/>
      <c r="L58" s="45"/>
      <c r="M58" s="42"/>
      <c r="N58" s="42"/>
      <c r="O58" s="41"/>
      <c r="P58" s="43"/>
      <c r="Q58" s="44"/>
      <c r="R58" s="43"/>
      <c r="S58" s="46"/>
      <c r="T58" s="47"/>
      <c r="U58" s="44"/>
      <c r="V58" s="43"/>
      <c r="W58" s="44"/>
      <c r="X58" s="33"/>
      <c r="Y58" s="33"/>
      <c r="Z58" s="33"/>
      <c r="AA58" s="33"/>
      <c r="AB58" s="34"/>
      <c r="AC58" s="34"/>
      <c r="AD58" s="34"/>
      <c r="AE58" s="34"/>
      <c r="AF58" s="34"/>
      <c r="AG58" s="34"/>
      <c r="AH58" s="34"/>
      <c r="AI58" s="34"/>
      <c r="AJ58" s="34"/>
      <c r="AK58" s="35"/>
      <c r="AL58" s="35"/>
      <c r="AM58" s="36"/>
    </row>
    <row r="59" spans="1:39" s="59" customFormat="1" ht="9.75" customHeight="1">
      <c r="A59" s="50"/>
      <c r="B59" s="56"/>
      <c r="C59" s="43"/>
      <c r="D59" s="64"/>
      <c r="E59" s="218" t="s">
        <v>21</v>
      </c>
      <c r="F59" s="221" t="s">
        <v>53</v>
      </c>
      <c r="G59" s="66"/>
      <c r="H59" s="69"/>
      <c r="I59" s="66"/>
      <c r="J59" s="69"/>
      <c r="K59" s="70"/>
      <c r="L59" s="70"/>
      <c r="M59" s="71"/>
      <c r="N59" s="71"/>
      <c r="O59" s="67"/>
      <c r="P59" s="66"/>
      <c r="Q59" s="69"/>
      <c r="R59" s="66"/>
      <c r="S59" s="72"/>
      <c r="T59" s="73"/>
      <c r="U59" s="69"/>
      <c r="V59" s="66"/>
      <c r="W59" s="69"/>
      <c r="X59" s="74" t="s">
        <v>1</v>
      </c>
      <c r="Y59" s="74"/>
      <c r="Z59" s="74"/>
      <c r="AA59" s="74"/>
      <c r="AB59" s="75"/>
      <c r="AC59" s="75"/>
      <c r="AD59" s="75"/>
      <c r="AE59" s="75"/>
      <c r="AF59" s="75"/>
      <c r="AG59" s="75"/>
      <c r="AH59" s="75"/>
      <c r="AI59" s="75"/>
      <c r="AJ59" s="75"/>
      <c r="AK59" s="25"/>
      <c r="AL59" s="25"/>
      <c r="AM59" s="32"/>
    </row>
    <row r="60" spans="1:39" s="59" customFormat="1" ht="9.75" customHeight="1">
      <c r="A60" s="40"/>
      <c r="B60" s="41"/>
      <c r="C60" s="43"/>
      <c r="D60" s="64"/>
      <c r="E60" s="219"/>
      <c r="F60" s="222"/>
      <c r="G60" s="43"/>
      <c r="H60" s="44" t="s">
        <v>529</v>
      </c>
      <c r="I60" s="43"/>
      <c r="J60" s="44" t="s">
        <v>530</v>
      </c>
      <c r="K60" s="45" t="s">
        <v>22</v>
      </c>
      <c r="L60" s="45" t="s">
        <v>531</v>
      </c>
      <c r="M60" s="42"/>
      <c r="N60" s="42"/>
      <c r="O60" s="64"/>
      <c r="P60" s="43"/>
      <c r="Q60" s="44"/>
      <c r="R60" s="43" t="s">
        <v>532</v>
      </c>
      <c r="S60" s="46"/>
      <c r="T60" s="47" t="s">
        <v>533</v>
      </c>
      <c r="U60" s="44" t="s">
        <v>22</v>
      </c>
      <c r="V60" s="43"/>
      <c r="W60" s="44" t="s">
        <v>528</v>
      </c>
      <c r="X60" s="33"/>
      <c r="Y60" s="33"/>
      <c r="Z60" s="33"/>
      <c r="AA60" s="33"/>
      <c r="AB60" s="34"/>
      <c r="AC60" s="34"/>
      <c r="AD60" s="34"/>
      <c r="AE60" s="34"/>
      <c r="AF60" s="34"/>
      <c r="AG60" s="34"/>
      <c r="AH60" s="34"/>
      <c r="AI60" s="34"/>
      <c r="AJ60" s="34"/>
      <c r="AK60" s="35"/>
      <c r="AL60" s="35"/>
      <c r="AM60" s="36"/>
    </row>
    <row r="61" spans="1:39" s="59" customFormat="1" ht="9.75" customHeight="1">
      <c r="A61" s="40"/>
      <c r="B61" s="41"/>
      <c r="C61" s="43"/>
      <c r="D61" s="64"/>
      <c r="E61" s="219"/>
      <c r="F61" s="222"/>
      <c r="G61" s="43"/>
      <c r="H61" s="44"/>
      <c r="I61" s="43"/>
      <c r="J61" s="44"/>
      <c r="K61" s="45"/>
      <c r="L61" s="45"/>
      <c r="M61" s="42"/>
      <c r="N61" s="42"/>
      <c r="O61" s="64"/>
      <c r="P61" s="43"/>
      <c r="Q61" s="44"/>
      <c r="R61" s="43"/>
      <c r="S61" s="46"/>
      <c r="T61" s="47"/>
      <c r="U61" s="44"/>
      <c r="V61" s="43"/>
      <c r="W61" s="44"/>
      <c r="X61" s="33"/>
      <c r="Y61" s="33"/>
      <c r="Z61" s="33"/>
      <c r="AA61" s="33"/>
      <c r="AB61" s="34"/>
      <c r="AC61" s="34"/>
      <c r="AD61" s="34"/>
      <c r="AE61" s="34"/>
      <c r="AF61" s="34"/>
      <c r="AG61" s="34"/>
      <c r="AH61" s="34"/>
      <c r="AI61" s="34"/>
      <c r="AJ61" s="34"/>
      <c r="AK61" s="35"/>
      <c r="AL61" s="35"/>
      <c r="AM61" s="36"/>
    </row>
    <row r="62" spans="1:39" s="59" customFormat="1" ht="9.75" customHeight="1">
      <c r="A62" s="40"/>
      <c r="B62" s="41"/>
      <c r="C62" s="43"/>
      <c r="D62" s="41"/>
      <c r="E62" s="43"/>
      <c r="F62" s="64"/>
      <c r="G62" s="43"/>
      <c r="H62" s="44"/>
      <c r="I62" s="43"/>
      <c r="J62" s="44"/>
      <c r="K62" s="45"/>
      <c r="L62" s="45"/>
      <c r="M62" s="42"/>
      <c r="N62" s="227" t="s">
        <v>21</v>
      </c>
      <c r="O62" s="221" t="s">
        <v>54</v>
      </c>
      <c r="P62" s="66"/>
      <c r="Q62" s="69"/>
      <c r="R62" s="66"/>
      <c r="S62" s="72"/>
      <c r="T62" s="73"/>
      <c r="U62" s="69"/>
      <c r="V62" s="66"/>
      <c r="W62" s="69"/>
      <c r="X62" s="74" t="s">
        <v>1</v>
      </c>
      <c r="Y62" s="74"/>
      <c r="Z62" s="74"/>
      <c r="AA62" s="74"/>
      <c r="AB62" s="75"/>
      <c r="AC62" s="75"/>
      <c r="AD62" s="75"/>
      <c r="AE62" s="75"/>
      <c r="AF62" s="75"/>
      <c r="AG62" s="75"/>
      <c r="AH62" s="75"/>
      <c r="AI62" s="75"/>
      <c r="AJ62" s="75"/>
      <c r="AK62" s="25"/>
      <c r="AL62" s="25"/>
      <c r="AM62" s="32"/>
    </row>
    <row r="63" spans="1:39" s="59" customFormat="1" ht="9.75" customHeight="1">
      <c r="A63" s="40"/>
      <c r="B63" s="41"/>
      <c r="C63" s="43"/>
      <c r="D63" s="41"/>
      <c r="E63" s="43"/>
      <c r="F63" s="64"/>
      <c r="G63" s="43"/>
      <c r="H63" s="44"/>
      <c r="I63" s="43"/>
      <c r="J63" s="44"/>
      <c r="K63" s="45"/>
      <c r="L63" s="45"/>
      <c r="M63" s="42"/>
      <c r="N63" s="228"/>
      <c r="O63" s="222"/>
      <c r="P63" s="43"/>
      <c r="Q63" s="44" t="s">
        <v>531</v>
      </c>
      <c r="R63" s="43" t="s">
        <v>532</v>
      </c>
      <c r="S63" s="46"/>
      <c r="T63" s="47" t="s">
        <v>533</v>
      </c>
      <c r="U63" s="44" t="s">
        <v>22</v>
      </c>
      <c r="V63" s="43"/>
      <c r="W63" s="44" t="s">
        <v>528</v>
      </c>
      <c r="X63" s="33"/>
      <c r="Y63" s="33"/>
      <c r="Z63" s="33"/>
      <c r="AA63" s="33"/>
      <c r="AB63" s="34"/>
      <c r="AC63" s="34"/>
      <c r="AD63" s="34"/>
      <c r="AE63" s="34"/>
      <c r="AF63" s="34"/>
      <c r="AG63" s="34"/>
      <c r="AH63" s="34"/>
      <c r="AI63" s="34"/>
      <c r="AJ63" s="34"/>
      <c r="AK63" s="35"/>
      <c r="AL63" s="35"/>
      <c r="AM63" s="36"/>
    </row>
    <row r="64" spans="1:39" s="59" customFormat="1" ht="9.75" customHeight="1">
      <c r="A64" s="40"/>
      <c r="B64" s="41"/>
      <c r="C64" s="43"/>
      <c r="D64" s="41"/>
      <c r="E64" s="43"/>
      <c r="F64" s="64"/>
      <c r="G64" s="43"/>
      <c r="H64" s="44"/>
      <c r="I64" s="43"/>
      <c r="J64" s="44"/>
      <c r="K64" s="45"/>
      <c r="L64" s="45"/>
      <c r="M64" s="42"/>
      <c r="N64" s="229"/>
      <c r="O64" s="223"/>
      <c r="P64" s="43"/>
      <c r="Q64" s="44"/>
      <c r="R64" s="43"/>
      <c r="S64" s="46"/>
      <c r="T64" s="47"/>
      <c r="U64" s="44"/>
      <c r="V64" s="43"/>
      <c r="W64" s="44"/>
      <c r="X64" s="33"/>
      <c r="Y64" s="33"/>
      <c r="Z64" s="33"/>
      <c r="AA64" s="33"/>
      <c r="AB64" s="34"/>
      <c r="AC64" s="34"/>
      <c r="AD64" s="34"/>
      <c r="AE64" s="34"/>
      <c r="AF64" s="34"/>
      <c r="AG64" s="34"/>
      <c r="AH64" s="34"/>
      <c r="AI64" s="34"/>
      <c r="AJ64" s="34"/>
      <c r="AK64" s="35"/>
      <c r="AL64" s="35"/>
      <c r="AM64" s="36"/>
    </row>
    <row r="65" spans="1:39" s="59" customFormat="1" ht="9.75" customHeight="1">
      <c r="A65" s="50"/>
      <c r="B65" s="51"/>
      <c r="C65" s="43"/>
      <c r="D65" s="64"/>
      <c r="E65" s="218" t="s">
        <v>25</v>
      </c>
      <c r="F65" s="221" t="s">
        <v>56</v>
      </c>
      <c r="G65" s="66"/>
      <c r="H65" s="69"/>
      <c r="I65" s="66"/>
      <c r="J65" s="69"/>
      <c r="K65" s="70"/>
      <c r="L65" s="70"/>
      <c r="M65" s="71"/>
      <c r="N65" s="71"/>
      <c r="O65" s="68"/>
      <c r="P65" s="66"/>
      <c r="Q65" s="69"/>
      <c r="R65" s="66"/>
      <c r="S65" s="72"/>
      <c r="T65" s="73"/>
      <c r="U65" s="69"/>
      <c r="V65" s="66"/>
      <c r="W65" s="69"/>
      <c r="X65" s="74" t="s">
        <v>1</v>
      </c>
      <c r="Y65" s="74"/>
      <c r="Z65" s="74"/>
      <c r="AA65" s="74"/>
      <c r="AB65" s="75"/>
      <c r="AC65" s="75"/>
      <c r="AD65" s="75"/>
      <c r="AE65" s="75"/>
      <c r="AF65" s="75"/>
      <c r="AG65" s="75"/>
      <c r="AH65" s="75"/>
      <c r="AI65" s="75"/>
      <c r="AJ65" s="75"/>
      <c r="AK65" s="25"/>
      <c r="AL65" s="25"/>
      <c r="AM65" s="32"/>
    </row>
    <row r="66" spans="1:39" s="59" customFormat="1" ht="9.75" customHeight="1">
      <c r="A66" s="50"/>
      <c r="B66" s="51"/>
      <c r="C66" s="43"/>
      <c r="D66" s="64"/>
      <c r="E66" s="219"/>
      <c r="F66" s="222"/>
      <c r="G66" s="43"/>
      <c r="H66" s="44" t="s">
        <v>534</v>
      </c>
      <c r="I66" s="43"/>
      <c r="J66" s="44" t="s">
        <v>535</v>
      </c>
      <c r="K66" s="45" t="s">
        <v>22</v>
      </c>
      <c r="L66" s="45" t="s">
        <v>536</v>
      </c>
      <c r="M66" s="42"/>
      <c r="N66" s="42"/>
      <c r="O66" s="41"/>
      <c r="P66" s="43"/>
      <c r="Q66" s="44"/>
      <c r="R66" s="43" t="s">
        <v>537</v>
      </c>
      <c r="S66" s="46"/>
      <c r="T66" s="47" t="s">
        <v>537</v>
      </c>
      <c r="U66" s="44" t="s">
        <v>22</v>
      </c>
      <c r="V66" s="43"/>
      <c r="W66" s="44" t="s">
        <v>22</v>
      </c>
      <c r="X66" s="33"/>
      <c r="Y66" s="33"/>
      <c r="Z66" s="33"/>
      <c r="AA66" s="33"/>
      <c r="AB66" s="34"/>
      <c r="AC66" s="34"/>
      <c r="AD66" s="34"/>
      <c r="AE66" s="34"/>
      <c r="AF66" s="34"/>
      <c r="AG66" s="34"/>
      <c r="AH66" s="34"/>
      <c r="AI66" s="34"/>
      <c r="AJ66" s="34"/>
      <c r="AK66" s="35"/>
      <c r="AL66" s="35"/>
      <c r="AM66" s="36"/>
    </row>
    <row r="67" spans="1:39" s="59" customFormat="1" ht="9.75" customHeight="1">
      <c r="A67" s="50"/>
      <c r="B67" s="51"/>
      <c r="C67" s="43"/>
      <c r="D67" s="64"/>
      <c r="E67" s="219"/>
      <c r="F67" s="222"/>
      <c r="G67" s="43"/>
      <c r="H67" s="44"/>
      <c r="I67" s="43"/>
      <c r="J67" s="44"/>
      <c r="K67" s="45"/>
      <c r="L67" s="45"/>
      <c r="M67" s="42"/>
      <c r="N67" s="42"/>
      <c r="O67" s="41"/>
      <c r="P67" s="43"/>
      <c r="Q67" s="44"/>
      <c r="R67" s="43"/>
      <c r="S67" s="46"/>
      <c r="T67" s="47"/>
      <c r="U67" s="44"/>
      <c r="V67" s="43"/>
      <c r="W67" s="44"/>
      <c r="X67" s="33"/>
      <c r="Y67" s="33"/>
      <c r="Z67" s="33"/>
      <c r="AA67" s="33"/>
      <c r="AB67" s="34"/>
      <c r="AC67" s="34"/>
      <c r="AD67" s="34"/>
      <c r="AE67" s="34"/>
      <c r="AF67" s="34"/>
      <c r="AG67" s="34"/>
      <c r="AH67" s="34"/>
      <c r="AI67" s="34"/>
      <c r="AJ67" s="34"/>
      <c r="AK67" s="35"/>
      <c r="AL67" s="35"/>
      <c r="AM67" s="36"/>
    </row>
    <row r="68" spans="1:39" s="59" customFormat="1" ht="9.75" customHeight="1">
      <c r="A68" s="50"/>
      <c r="B68" s="56"/>
      <c r="C68" s="43"/>
      <c r="D68" s="64"/>
      <c r="E68" s="43"/>
      <c r="F68" s="64"/>
      <c r="G68" s="43"/>
      <c r="H68" s="44"/>
      <c r="I68" s="43"/>
      <c r="J68" s="44"/>
      <c r="K68" s="45"/>
      <c r="L68" s="45"/>
      <c r="M68" s="42"/>
      <c r="N68" s="227" t="s">
        <v>21</v>
      </c>
      <c r="O68" s="230" t="s">
        <v>569</v>
      </c>
      <c r="P68" s="66"/>
      <c r="Q68" s="69"/>
      <c r="R68" s="66"/>
      <c r="S68" s="72"/>
      <c r="T68" s="73"/>
      <c r="U68" s="69"/>
      <c r="V68" s="66"/>
      <c r="W68" s="69"/>
      <c r="X68" s="74" t="s">
        <v>1</v>
      </c>
      <c r="Y68" s="74"/>
      <c r="Z68" s="74"/>
      <c r="AA68" s="74"/>
      <c r="AB68" s="75"/>
      <c r="AC68" s="75"/>
      <c r="AD68" s="75"/>
      <c r="AE68" s="75"/>
      <c r="AF68" s="75"/>
      <c r="AG68" s="75"/>
      <c r="AH68" s="75"/>
      <c r="AI68" s="75"/>
      <c r="AJ68" s="75"/>
      <c r="AK68" s="25"/>
      <c r="AL68" s="25"/>
      <c r="AM68" s="32"/>
    </row>
    <row r="69" spans="1:39" s="59" customFormat="1" ht="9.75" customHeight="1">
      <c r="A69" s="40"/>
      <c r="B69" s="41"/>
      <c r="C69" s="43"/>
      <c r="D69" s="64"/>
      <c r="E69" s="43"/>
      <c r="F69" s="64"/>
      <c r="G69" s="43"/>
      <c r="H69" s="44"/>
      <c r="I69" s="43"/>
      <c r="J69" s="44"/>
      <c r="K69" s="45"/>
      <c r="L69" s="45"/>
      <c r="M69" s="42"/>
      <c r="N69" s="228"/>
      <c r="O69" s="222"/>
      <c r="P69" s="43"/>
      <c r="Q69" s="44" t="s">
        <v>536</v>
      </c>
      <c r="R69" s="43" t="s">
        <v>537</v>
      </c>
      <c r="S69" s="46"/>
      <c r="T69" s="47" t="s">
        <v>537</v>
      </c>
      <c r="U69" s="44" t="s">
        <v>22</v>
      </c>
      <c r="V69" s="43"/>
      <c r="W69" s="44" t="s">
        <v>22</v>
      </c>
      <c r="X69" s="33"/>
      <c r="Y69" s="33"/>
      <c r="Z69" s="33"/>
      <c r="AA69" s="33"/>
      <c r="AB69" s="34"/>
      <c r="AC69" s="34"/>
      <c r="AD69" s="34"/>
      <c r="AE69" s="34"/>
      <c r="AF69" s="34"/>
      <c r="AG69" s="34"/>
      <c r="AH69" s="34"/>
      <c r="AI69" s="34"/>
      <c r="AJ69" s="34"/>
      <c r="AK69" s="35"/>
      <c r="AL69" s="35"/>
      <c r="AM69" s="36"/>
    </row>
    <row r="70" spans="1:39" s="59" customFormat="1" ht="9.75" customHeight="1">
      <c r="A70" s="40"/>
      <c r="B70" s="41"/>
      <c r="C70" s="91"/>
      <c r="D70" s="102"/>
      <c r="E70" s="91"/>
      <c r="F70" s="102"/>
      <c r="G70" s="91"/>
      <c r="H70" s="92"/>
      <c r="I70" s="91"/>
      <c r="J70" s="92"/>
      <c r="K70" s="48"/>
      <c r="L70" s="48"/>
      <c r="M70" s="49"/>
      <c r="N70" s="229"/>
      <c r="O70" s="223"/>
      <c r="P70" s="91"/>
      <c r="Q70" s="92"/>
      <c r="R70" s="91"/>
      <c r="S70" s="93"/>
      <c r="T70" s="94"/>
      <c r="U70" s="92"/>
      <c r="V70" s="91"/>
      <c r="W70" s="92"/>
      <c r="X70" s="95"/>
      <c r="Y70" s="95"/>
      <c r="Z70" s="95"/>
      <c r="AA70" s="95"/>
      <c r="AB70" s="96"/>
      <c r="AC70" s="96"/>
      <c r="AD70" s="96"/>
      <c r="AE70" s="96"/>
      <c r="AF70" s="96"/>
      <c r="AG70" s="96"/>
      <c r="AH70" s="96"/>
      <c r="AI70" s="96"/>
      <c r="AJ70" s="96"/>
      <c r="AK70" s="97"/>
      <c r="AL70" s="97"/>
      <c r="AM70" s="98"/>
    </row>
    <row r="71" spans="1:39" s="59" customFormat="1" ht="9.75" customHeight="1">
      <c r="A71" s="50"/>
      <c r="B71" s="51"/>
      <c r="C71" s="218" t="s">
        <v>34</v>
      </c>
      <c r="D71" s="221" t="s">
        <v>66</v>
      </c>
      <c r="E71" s="66"/>
      <c r="F71" s="67"/>
      <c r="G71" s="66"/>
      <c r="H71" s="69"/>
      <c r="I71" s="66"/>
      <c r="J71" s="69"/>
      <c r="K71" s="70"/>
      <c r="L71" s="70"/>
      <c r="M71" s="71"/>
      <c r="N71" s="71"/>
      <c r="O71" s="68"/>
      <c r="P71" s="66"/>
      <c r="Q71" s="69"/>
      <c r="R71" s="66"/>
      <c r="S71" s="72"/>
      <c r="T71" s="73"/>
      <c r="U71" s="69"/>
      <c r="V71" s="66"/>
      <c r="W71" s="69"/>
      <c r="X71" s="74" t="s">
        <v>1</v>
      </c>
      <c r="Y71" s="74"/>
      <c r="Z71" s="74"/>
      <c r="AA71" s="74"/>
      <c r="AB71" s="75"/>
      <c r="AC71" s="75"/>
      <c r="AD71" s="75"/>
      <c r="AE71" s="75"/>
      <c r="AF71" s="75"/>
      <c r="AG71" s="75"/>
      <c r="AH71" s="75"/>
      <c r="AI71" s="75"/>
      <c r="AJ71" s="75"/>
      <c r="AK71" s="25"/>
      <c r="AL71" s="25"/>
      <c r="AM71" s="32"/>
    </row>
    <row r="72" spans="1:39" s="59" customFormat="1" ht="9.75" customHeight="1">
      <c r="A72" s="50"/>
      <c r="B72" s="51"/>
      <c r="C72" s="219"/>
      <c r="D72" s="222"/>
      <c r="E72" s="43"/>
      <c r="F72" s="64"/>
      <c r="G72" s="43"/>
      <c r="H72" s="44" t="s">
        <v>538</v>
      </c>
      <c r="I72" s="43" t="s">
        <v>23</v>
      </c>
      <c r="J72" s="44" t="s">
        <v>539</v>
      </c>
      <c r="K72" s="45" t="s">
        <v>22</v>
      </c>
      <c r="L72" s="45" t="s">
        <v>540</v>
      </c>
      <c r="M72" s="42"/>
      <c r="N72" s="42"/>
      <c r="O72" s="41"/>
      <c r="P72" s="43"/>
      <c r="Q72" s="44"/>
      <c r="R72" s="43" t="s">
        <v>540</v>
      </c>
      <c r="S72" s="46"/>
      <c r="T72" s="47" t="s">
        <v>540</v>
      </c>
      <c r="U72" s="44" t="s">
        <v>22</v>
      </c>
      <c r="V72" s="43"/>
      <c r="W72" s="44" t="s">
        <v>22</v>
      </c>
      <c r="X72" s="33"/>
      <c r="Y72" s="33"/>
      <c r="Z72" s="33"/>
      <c r="AA72" s="33"/>
      <c r="AB72" s="34"/>
      <c r="AC72" s="34"/>
      <c r="AD72" s="34"/>
      <c r="AE72" s="34"/>
      <c r="AF72" s="34"/>
      <c r="AG72" s="34"/>
      <c r="AH72" s="34"/>
      <c r="AI72" s="34"/>
      <c r="AJ72" s="34"/>
      <c r="AK72" s="35"/>
      <c r="AL72" s="35"/>
      <c r="AM72" s="36"/>
    </row>
    <row r="73" spans="1:39" s="59" customFormat="1" ht="9.75" customHeight="1">
      <c r="A73" s="50"/>
      <c r="B73" s="51"/>
      <c r="C73" s="219"/>
      <c r="D73" s="222"/>
      <c r="E73" s="43"/>
      <c r="F73" s="64"/>
      <c r="G73" s="43"/>
      <c r="H73" s="44"/>
      <c r="I73" s="43"/>
      <c r="J73" s="44"/>
      <c r="K73" s="45"/>
      <c r="L73" s="45"/>
      <c r="M73" s="42"/>
      <c r="N73" s="42"/>
      <c r="O73" s="41"/>
      <c r="P73" s="43"/>
      <c r="Q73" s="44"/>
      <c r="R73" s="43"/>
      <c r="S73" s="46"/>
      <c r="T73" s="47"/>
      <c r="U73" s="44"/>
      <c r="V73" s="43"/>
      <c r="W73" s="44"/>
      <c r="X73" s="33"/>
      <c r="Y73" s="33"/>
      <c r="Z73" s="33"/>
      <c r="AA73" s="33"/>
      <c r="AB73" s="34"/>
      <c r="AC73" s="34"/>
      <c r="AD73" s="34"/>
      <c r="AE73" s="34"/>
      <c r="AF73" s="34"/>
      <c r="AG73" s="34"/>
      <c r="AH73" s="34"/>
      <c r="AI73" s="34"/>
      <c r="AJ73" s="34"/>
      <c r="AK73" s="35"/>
      <c r="AL73" s="35"/>
      <c r="AM73" s="36"/>
    </row>
    <row r="74" spans="1:39" s="59" customFormat="1" ht="9.75" customHeight="1">
      <c r="A74" s="50"/>
      <c r="B74" s="56"/>
      <c r="C74" s="43"/>
      <c r="D74" s="64"/>
      <c r="E74" s="218" t="s">
        <v>21</v>
      </c>
      <c r="F74" s="230" t="s">
        <v>571</v>
      </c>
      <c r="G74" s="66"/>
      <c r="H74" s="69"/>
      <c r="I74" s="66"/>
      <c r="J74" s="69"/>
      <c r="K74" s="70"/>
      <c r="L74" s="70"/>
      <c r="M74" s="71"/>
      <c r="N74" s="71"/>
      <c r="O74" s="67"/>
      <c r="P74" s="66"/>
      <c r="Q74" s="69"/>
      <c r="R74" s="66"/>
      <c r="S74" s="72"/>
      <c r="T74" s="73"/>
      <c r="U74" s="69"/>
      <c r="V74" s="66"/>
      <c r="W74" s="69"/>
      <c r="X74" s="74" t="s">
        <v>1</v>
      </c>
      <c r="Y74" s="74"/>
      <c r="Z74" s="74"/>
      <c r="AA74" s="74"/>
      <c r="AB74" s="75"/>
      <c r="AC74" s="75"/>
      <c r="AD74" s="75"/>
      <c r="AE74" s="75"/>
      <c r="AF74" s="75"/>
      <c r="AG74" s="75"/>
      <c r="AH74" s="75"/>
      <c r="AI74" s="75"/>
      <c r="AJ74" s="75"/>
      <c r="AK74" s="25"/>
      <c r="AL74" s="25"/>
      <c r="AM74" s="32"/>
    </row>
    <row r="75" spans="1:39" s="59" customFormat="1" ht="9.75" customHeight="1">
      <c r="A75" s="40"/>
      <c r="B75" s="41"/>
      <c r="C75" s="43"/>
      <c r="D75" s="64"/>
      <c r="E75" s="219"/>
      <c r="F75" s="222"/>
      <c r="G75" s="43"/>
      <c r="H75" s="44" t="s">
        <v>538</v>
      </c>
      <c r="I75" s="43" t="s">
        <v>23</v>
      </c>
      <c r="J75" s="44" t="s">
        <v>539</v>
      </c>
      <c r="K75" s="45" t="s">
        <v>22</v>
      </c>
      <c r="L75" s="45" t="s">
        <v>540</v>
      </c>
      <c r="M75" s="42"/>
      <c r="N75" s="42"/>
      <c r="O75" s="64"/>
      <c r="P75" s="43"/>
      <c r="Q75" s="44"/>
      <c r="R75" s="43" t="s">
        <v>540</v>
      </c>
      <c r="S75" s="46"/>
      <c r="T75" s="47" t="s">
        <v>540</v>
      </c>
      <c r="U75" s="44" t="s">
        <v>22</v>
      </c>
      <c r="V75" s="43"/>
      <c r="W75" s="44" t="s">
        <v>22</v>
      </c>
      <c r="X75" s="33"/>
      <c r="Y75" s="33"/>
      <c r="Z75" s="33"/>
      <c r="AA75" s="33"/>
      <c r="AB75" s="34"/>
      <c r="AC75" s="34"/>
      <c r="AD75" s="34"/>
      <c r="AE75" s="34"/>
      <c r="AF75" s="34"/>
      <c r="AG75" s="34"/>
      <c r="AH75" s="34"/>
      <c r="AI75" s="34"/>
      <c r="AJ75" s="34"/>
      <c r="AK75" s="35"/>
      <c r="AL75" s="35"/>
      <c r="AM75" s="36"/>
    </row>
    <row r="76" spans="1:39" s="59" customFormat="1" ht="9.75" customHeight="1">
      <c r="A76" s="40"/>
      <c r="B76" s="41"/>
      <c r="C76" s="91"/>
      <c r="D76" s="102"/>
      <c r="E76" s="220"/>
      <c r="F76" s="223"/>
      <c r="G76" s="91"/>
      <c r="H76" s="92"/>
      <c r="I76" s="91"/>
      <c r="J76" s="92"/>
      <c r="K76" s="48"/>
      <c r="L76" s="48"/>
      <c r="M76" s="49"/>
      <c r="N76" s="49"/>
      <c r="O76" s="102"/>
      <c r="P76" s="91"/>
      <c r="Q76" s="92"/>
      <c r="R76" s="91"/>
      <c r="S76" s="93"/>
      <c r="T76" s="94"/>
      <c r="U76" s="92"/>
      <c r="V76" s="91"/>
      <c r="W76" s="92"/>
      <c r="X76" s="95"/>
      <c r="Y76" s="95"/>
      <c r="Z76" s="95"/>
      <c r="AA76" s="95"/>
      <c r="AB76" s="96"/>
      <c r="AC76" s="96"/>
      <c r="AD76" s="96"/>
      <c r="AE76" s="96"/>
      <c r="AF76" s="96"/>
      <c r="AG76" s="96"/>
      <c r="AH76" s="96"/>
      <c r="AI76" s="96"/>
      <c r="AJ76" s="96"/>
      <c r="AK76" s="97"/>
      <c r="AL76" s="97"/>
      <c r="AM76" s="98"/>
    </row>
    <row r="77" spans="1:39" s="59" customFormat="1" ht="9.75" customHeight="1">
      <c r="A77" s="50"/>
      <c r="B77" s="51"/>
      <c r="C77" s="218" t="s">
        <v>35</v>
      </c>
      <c r="D77" s="221" t="s">
        <v>80</v>
      </c>
      <c r="E77" s="66"/>
      <c r="F77" s="67"/>
      <c r="G77" s="66"/>
      <c r="H77" s="69"/>
      <c r="I77" s="66"/>
      <c r="J77" s="69"/>
      <c r="K77" s="70"/>
      <c r="L77" s="70"/>
      <c r="M77" s="71"/>
      <c r="N77" s="71"/>
      <c r="O77" s="68"/>
      <c r="P77" s="66"/>
      <c r="Q77" s="69"/>
      <c r="R77" s="66"/>
      <c r="S77" s="72"/>
      <c r="T77" s="73"/>
      <c r="U77" s="69"/>
      <c r="V77" s="66"/>
      <c r="W77" s="69"/>
      <c r="X77" s="74" t="s">
        <v>1</v>
      </c>
      <c r="Y77" s="74"/>
      <c r="Z77" s="74"/>
      <c r="AA77" s="74"/>
      <c r="AB77" s="75"/>
      <c r="AC77" s="75"/>
      <c r="AD77" s="75"/>
      <c r="AE77" s="75"/>
      <c r="AF77" s="75"/>
      <c r="AG77" s="75"/>
      <c r="AH77" s="75"/>
      <c r="AI77" s="75"/>
      <c r="AJ77" s="75"/>
      <c r="AK77" s="25"/>
      <c r="AL77" s="25"/>
      <c r="AM77" s="32"/>
    </row>
    <row r="78" spans="1:39" s="59" customFormat="1" ht="9.75" customHeight="1">
      <c r="A78" s="50"/>
      <c r="B78" s="51"/>
      <c r="C78" s="219"/>
      <c r="D78" s="222"/>
      <c r="E78" s="43"/>
      <c r="F78" s="64"/>
      <c r="G78" s="43"/>
      <c r="H78" s="44" t="s">
        <v>63</v>
      </c>
      <c r="I78" s="43"/>
      <c r="J78" s="44" t="s">
        <v>541</v>
      </c>
      <c r="K78" s="45" t="s">
        <v>22</v>
      </c>
      <c r="L78" s="45" t="s">
        <v>542</v>
      </c>
      <c r="M78" s="42"/>
      <c r="N78" s="42"/>
      <c r="O78" s="41"/>
      <c r="P78" s="43"/>
      <c r="Q78" s="44"/>
      <c r="R78" s="43" t="s">
        <v>543</v>
      </c>
      <c r="S78" s="46"/>
      <c r="T78" s="47" t="s">
        <v>543</v>
      </c>
      <c r="U78" s="44" t="s">
        <v>22</v>
      </c>
      <c r="V78" s="43"/>
      <c r="W78" s="44" t="s">
        <v>22</v>
      </c>
      <c r="X78" s="33"/>
      <c r="Y78" s="33"/>
      <c r="Z78" s="33"/>
      <c r="AA78" s="33"/>
      <c r="AB78" s="34"/>
      <c r="AC78" s="34"/>
      <c r="AD78" s="34"/>
      <c r="AE78" s="34"/>
      <c r="AF78" s="34"/>
      <c r="AG78" s="34"/>
      <c r="AH78" s="34"/>
      <c r="AI78" s="34"/>
      <c r="AJ78" s="34"/>
      <c r="AK78" s="35"/>
      <c r="AL78" s="35"/>
      <c r="AM78" s="36"/>
    </row>
    <row r="79" spans="1:39" s="59" customFormat="1" ht="9.75" customHeight="1">
      <c r="A79" s="50"/>
      <c r="B79" s="51"/>
      <c r="C79" s="219"/>
      <c r="D79" s="222"/>
      <c r="E79" s="43"/>
      <c r="F79" s="64"/>
      <c r="G79" s="43"/>
      <c r="H79" s="44"/>
      <c r="I79" s="43"/>
      <c r="J79" s="44"/>
      <c r="K79" s="45"/>
      <c r="L79" s="45"/>
      <c r="M79" s="42"/>
      <c r="N79" s="42"/>
      <c r="O79" s="41"/>
      <c r="P79" s="43"/>
      <c r="Q79" s="44"/>
      <c r="R79" s="43"/>
      <c r="S79" s="46"/>
      <c r="T79" s="47"/>
      <c r="U79" s="44"/>
      <c r="V79" s="43"/>
      <c r="W79" s="44"/>
      <c r="X79" s="33"/>
      <c r="Y79" s="33"/>
      <c r="Z79" s="33"/>
      <c r="AA79" s="33"/>
      <c r="AB79" s="34"/>
      <c r="AC79" s="34"/>
      <c r="AD79" s="34"/>
      <c r="AE79" s="34"/>
      <c r="AF79" s="34"/>
      <c r="AG79" s="34"/>
      <c r="AH79" s="34"/>
      <c r="AI79" s="34"/>
      <c r="AJ79" s="34"/>
      <c r="AK79" s="35"/>
      <c r="AL79" s="35"/>
      <c r="AM79" s="36"/>
    </row>
    <row r="80" spans="1:39" s="59" customFormat="1" ht="9.75" customHeight="1">
      <c r="A80" s="50"/>
      <c r="B80" s="56"/>
      <c r="C80" s="43"/>
      <c r="D80" s="64"/>
      <c r="E80" s="218" t="s">
        <v>21</v>
      </c>
      <c r="F80" s="221" t="s">
        <v>80</v>
      </c>
      <c r="G80" s="66"/>
      <c r="H80" s="69"/>
      <c r="I80" s="66"/>
      <c r="J80" s="69"/>
      <c r="K80" s="70"/>
      <c r="L80" s="70"/>
      <c r="M80" s="71"/>
      <c r="N80" s="71"/>
      <c r="O80" s="67"/>
      <c r="P80" s="66"/>
      <c r="Q80" s="69"/>
      <c r="R80" s="66"/>
      <c r="S80" s="72"/>
      <c r="T80" s="73"/>
      <c r="U80" s="69"/>
      <c r="V80" s="66"/>
      <c r="W80" s="69"/>
      <c r="X80" s="74" t="s">
        <v>1</v>
      </c>
      <c r="Y80" s="74"/>
      <c r="Z80" s="74"/>
      <c r="AA80" s="74"/>
      <c r="AB80" s="75"/>
      <c r="AC80" s="75"/>
      <c r="AD80" s="75"/>
      <c r="AE80" s="75"/>
      <c r="AF80" s="75"/>
      <c r="AG80" s="75"/>
      <c r="AH80" s="75"/>
      <c r="AI80" s="75"/>
      <c r="AJ80" s="75"/>
      <c r="AK80" s="25"/>
      <c r="AL80" s="25"/>
      <c r="AM80" s="32"/>
    </row>
    <row r="81" spans="1:44" s="59" customFormat="1" ht="9.75" customHeight="1">
      <c r="A81" s="40"/>
      <c r="B81" s="41"/>
      <c r="C81" s="43"/>
      <c r="D81" s="64"/>
      <c r="E81" s="219"/>
      <c r="F81" s="222"/>
      <c r="G81" s="43"/>
      <c r="H81" s="44" t="s">
        <v>63</v>
      </c>
      <c r="I81" s="43"/>
      <c r="J81" s="44" t="s">
        <v>541</v>
      </c>
      <c r="K81" s="45" t="s">
        <v>22</v>
      </c>
      <c r="L81" s="45" t="s">
        <v>542</v>
      </c>
      <c r="M81" s="42"/>
      <c r="N81" s="42"/>
      <c r="O81" s="64"/>
      <c r="P81" s="43"/>
      <c r="Q81" s="44"/>
      <c r="R81" s="43" t="s">
        <v>543</v>
      </c>
      <c r="S81" s="46"/>
      <c r="T81" s="47" t="s">
        <v>543</v>
      </c>
      <c r="U81" s="44" t="s">
        <v>22</v>
      </c>
      <c r="V81" s="43"/>
      <c r="W81" s="44" t="s">
        <v>22</v>
      </c>
      <c r="X81" s="33"/>
      <c r="Y81" s="33"/>
      <c r="Z81" s="33"/>
      <c r="AA81" s="33"/>
      <c r="AB81" s="34"/>
      <c r="AC81" s="34"/>
      <c r="AD81" s="34"/>
      <c r="AE81" s="34"/>
      <c r="AF81" s="34"/>
      <c r="AG81" s="34"/>
      <c r="AH81" s="34"/>
      <c r="AI81" s="34"/>
      <c r="AJ81" s="34"/>
      <c r="AK81" s="35"/>
      <c r="AL81" s="35"/>
      <c r="AM81" s="36"/>
    </row>
    <row r="82" spans="1:44" s="59" customFormat="1" ht="9.75" customHeight="1">
      <c r="A82" s="40"/>
      <c r="B82" s="41"/>
      <c r="C82" s="91"/>
      <c r="D82" s="102"/>
      <c r="E82" s="220"/>
      <c r="F82" s="223"/>
      <c r="G82" s="91"/>
      <c r="H82" s="92"/>
      <c r="I82" s="91"/>
      <c r="J82" s="92"/>
      <c r="K82" s="48"/>
      <c r="L82" s="48"/>
      <c r="M82" s="49"/>
      <c r="N82" s="49"/>
      <c r="O82" s="102"/>
      <c r="P82" s="91"/>
      <c r="Q82" s="92"/>
      <c r="R82" s="91"/>
      <c r="S82" s="93"/>
      <c r="T82" s="94"/>
      <c r="U82" s="92"/>
      <c r="V82" s="91"/>
      <c r="W82" s="92"/>
      <c r="X82" s="95"/>
      <c r="Y82" s="95"/>
      <c r="Z82" s="95"/>
      <c r="AA82" s="95"/>
      <c r="AB82" s="96"/>
      <c r="AC82" s="96"/>
      <c r="AD82" s="96"/>
      <c r="AE82" s="96"/>
      <c r="AF82" s="96"/>
      <c r="AG82" s="96"/>
      <c r="AH82" s="96"/>
      <c r="AI82" s="96"/>
      <c r="AJ82" s="96"/>
      <c r="AK82" s="97"/>
      <c r="AL82" s="97"/>
      <c r="AM82" s="98"/>
    </row>
    <row r="83" spans="1:44" s="59" customFormat="1" ht="9.75" customHeight="1">
      <c r="A83" s="50"/>
      <c r="B83" s="51"/>
      <c r="C83" s="218" t="s">
        <v>36</v>
      </c>
      <c r="D83" s="221" t="s">
        <v>82</v>
      </c>
      <c r="E83" s="66"/>
      <c r="F83" s="67"/>
      <c r="G83" s="66"/>
      <c r="H83" s="69"/>
      <c r="I83" s="66"/>
      <c r="J83" s="69"/>
      <c r="K83" s="70"/>
      <c r="L83" s="70"/>
      <c r="M83" s="71"/>
      <c r="N83" s="71"/>
      <c r="O83" s="68"/>
      <c r="P83" s="66"/>
      <c r="Q83" s="69"/>
      <c r="R83" s="66"/>
      <c r="S83" s="72"/>
      <c r="T83" s="73"/>
      <c r="U83" s="69"/>
      <c r="V83" s="66"/>
      <c r="W83" s="69"/>
      <c r="X83" s="74" t="s">
        <v>1</v>
      </c>
      <c r="Y83" s="74"/>
      <c r="Z83" s="74"/>
      <c r="AA83" s="74"/>
      <c r="AB83" s="75"/>
      <c r="AC83" s="75"/>
      <c r="AD83" s="75"/>
      <c r="AE83" s="75"/>
      <c r="AF83" s="75"/>
      <c r="AG83" s="75"/>
      <c r="AH83" s="75"/>
      <c r="AI83" s="75"/>
      <c r="AJ83" s="75"/>
      <c r="AK83" s="25"/>
      <c r="AL83" s="25"/>
      <c r="AM83" s="32"/>
    </row>
    <row r="84" spans="1:44" s="59" customFormat="1" ht="9.75" customHeight="1">
      <c r="A84" s="50"/>
      <c r="B84" s="51"/>
      <c r="C84" s="219"/>
      <c r="D84" s="222"/>
      <c r="E84" s="43"/>
      <c r="F84" s="64"/>
      <c r="G84" s="43"/>
      <c r="H84" s="44" t="s">
        <v>544</v>
      </c>
      <c r="I84" s="43" t="s">
        <v>23</v>
      </c>
      <c r="J84" s="44" t="s">
        <v>545</v>
      </c>
      <c r="K84" s="45" t="s">
        <v>22</v>
      </c>
      <c r="L84" s="45" t="s">
        <v>546</v>
      </c>
      <c r="M84" s="42"/>
      <c r="N84" s="42"/>
      <c r="O84" s="41"/>
      <c r="P84" s="43"/>
      <c r="Q84" s="44"/>
      <c r="R84" s="43" t="s">
        <v>547</v>
      </c>
      <c r="S84" s="46"/>
      <c r="T84" s="47" t="s">
        <v>548</v>
      </c>
      <c r="U84" s="44" t="s">
        <v>22</v>
      </c>
      <c r="V84" s="43"/>
      <c r="W84" s="44" t="s">
        <v>549</v>
      </c>
      <c r="X84" s="33"/>
      <c r="Y84" s="33"/>
      <c r="Z84" s="33"/>
      <c r="AA84" s="33"/>
      <c r="AB84" s="34"/>
      <c r="AC84" s="34"/>
      <c r="AD84" s="34"/>
      <c r="AE84" s="34"/>
      <c r="AF84" s="34"/>
      <c r="AG84" s="34"/>
      <c r="AH84" s="34"/>
      <c r="AI84" s="34"/>
      <c r="AJ84" s="34"/>
      <c r="AK84" s="35"/>
      <c r="AL84" s="35"/>
      <c r="AM84" s="36"/>
    </row>
    <row r="85" spans="1:44" s="59" customFormat="1" ht="9.75" customHeight="1">
      <c r="A85" s="99"/>
      <c r="B85" s="113"/>
      <c r="C85" s="316"/>
      <c r="D85" s="313"/>
      <c r="E85" s="79"/>
      <c r="F85" s="101"/>
      <c r="G85" s="79"/>
      <c r="H85" s="80"/>
      <c r="I85" s="79"/>
      <c r="J85" s="80"/>
      <c r="K85" s="81"/>
      <c r="L85" s="81"/>
      <c r="M85" s="82"/>
      <c r="N85" s="82"/>
      <c r="O85" s="78"/>
      <c r="P85" s="79"/>
      <c r="Q85" s="80"/>
      <c r="R85" s="79"/>
      <c r="S85" s="83"/>
      <c r="T85" s="84"/>
      <c r="U85" s="80"/>
      <c r="V85" s="79"/>
      <c r="W85" s="80"/>
      <c r="X85" s="85"/>
      <c r="Y85" s="85"/>
      <c r="Z85" s="85"/>
      <c r="AA85" s="85"/>
      <c r="AB85" s="86"/>
      <c r="AC85" s="86"/>
      <c r="AD85" s="86"/>
      <c r="AE85" s="86"/>
      <c r="AF85" s="86"/>
      <c r="AG85" s="86"/>
      <c r="AH85" s="86"/>
      <c r="AI85" s="86"/>
      <c r="AJ85" s="86"/>
      <c r="AK85" s="87"/>
      <c r="AL85" s="87"/>
      <c r="AM85" s="88"/>
    </row>
    <row r="86" spans="1:44" ht="9.75" customHeight="1">
      <c r="X86" s="39"/>
      <c r="Y86" s="39"/>
      <c r="Z86" s="39"/>
      <c r="AA86" s="39"/>
      <c r="AB86" s="39"/>
      <c r="AC86" s="39"/>
      <c r="AD86" s="39"/>
      <c r="AE86" s="39"/>
      <c r="AF86" s="39"/>
      <c r="AG86" s="39"/>
      <c r="AH86" s="39"/>
      <c r="AI86" s="39"/>
      <c r="AJ86" s="39"/>
      <c r="AK86" s="39"/>
      <c r="AL86" s="39"/>
      <c r="AM86" s="39"/>
    </row>
    <row r="90" spans="1:44" s="2" customFormat="1" ht="22.5" customHeight="1">
      <c r="A90" s="231"/>
      <c r="B90" s="231"/>
      <c r="C90" s="231"/>
      <c r="D90" s="231"/>
      <c r="E90" s="231"/>
      <c r="F90" s="231"/>
      <c r="G90" s="231"/>
      <c r="H90" s="231"/>
      <c r="I90" s="231"/>
      <c r="J90" s="231"/>
      <c r="K90" s="231"/>
      <c r="L90" s="231"/>
      <c r="M90" s="3"/>
      <c r="N90" s="232"/>
      <c r="O90" s="232"/>
      <c r="P90" s="232"/>
      <c r="Q90" s="232"/>
      <c r="R90" s="232"/>
      <c r="S90" s="232"/>
      <c r="T90" s="232"/>
      <c r="U90" s="232"/>
      <c r="V90" s="232"/>
      <c r="W90" s="232"/>
      <c r="X90" s="232"/>
      <c r="Y90" s="232"/>
      <c r="Z90" s="232"/>
      <c r="AA90" s="232"/>
      <c r="AB90" s="232"/>
      <c r="AC90" s="232"/>
      <c r="AD90" s="232"/>
      <c r="AE90" s="232"/>
      <c r="AF90" s="232"/>
      <c r="AG90" s="232"/>
      <c r="AH90" s="232"/>
      <c r="AI90" s="232"/>
      <c r="AJ90" s="232"/>
      <c r="AK90" s="232"/>
      <c r="AL90" s="232"/>
      <c r="AM90" s="232"/>
      <c r="AN90" s="1"/>
      <c r="AO90" s="1"/>
      <c r="AP90" s="4"/>
      <c r="AQ90" s="4"/>
      <c r="AR90" s="4"/>
    </row>
    <row r="91" spans="1:44" s="2" customFormat="1" ht="11.25" customHeight="1">
      <c r="A91" s="5"/>
      <c r="B91" s="5"/>
      <c r="C91" s="5"/>
      <c r="D91" s="5"/>
      <c r="E91" s="5"/>
      <c r="F91" s="5"/>
      <c r="G91" s="5"/>
      <c r="H91" s="5"/>
      <c r="I91" s="5"/>
      <c r="J91" s="5"/>
      <c r="K91" s="5"/>
      <c r="L91" s="5"/>
      <c r="M91" s="5"/>
      <c r="N91" s="5"/>
      <c r="O91" s="5"/>
      <c r="P91" s="5"/>
      <c r="Q91" s="5"/>
      <c r="R91" s="5"/>
      <c r="S91" s="5"/>
      <c r="T91" s="5"/>
      <c r="U91" s="5"/>
      <c r="V91" s="5"/>
      <c r="W91" s="5"/>
      <c r="X91" s="5"/>
      <c r="Y91" s="5"/>
      <c r="Z91" s="5"/>
      <c r="AA91" s="5"/>
      <c r="AB91" s="5"/>
      <c r="AC91" s="5"/>
      <c r="AD91" s="5"/>
      <c r="AE91" s="5"/>
      <c r="AF91" s="5"/>
      <c r="AG91" s="5"/>
      <c r="AH91" s="5"/>
      <c r="AI91" s="5"/>
      <c r="AJ91" s="5"/>
      <c r="AK91" s="5"/>
      <c r="AL91" s="5"/>
      <c r="AM91" s="6"/>
      <c r="AN91" s="5"/>
      <c r="AO91" s="5"/>
      <c r="AP91" s="7"/>
      <c r="AQ91" s="7"/>
      <c r="AR91" s="7"/>
    </row>
    <row r="92" spans="1:44" s="14" customFormat="1" ht="26.25" customHeight="1">
      <c r="A92" s="8"/>
      <c r="B92" s="9" t="s">
        <v>0</v>
      </c>
      <c r="C92" s="10"/>
      <c r="D92" s="11" t="s">
        <v>636</v>
      </c>
      <c r="E92" s="8"/>
      <c r="F92" s="8"/>
      <c r="G92" s="8"/>
      <c r="H92" s="8"/>
      <c r="I92" s="8"/>
      <c r="J92" s="8"/>
      <c r="K92" s="8"/>
      <c r="L92" s="8"/>
      <c r="M92" s="8"/>
      <c r="N92" s="8"/>
      <c r="O92" s="8"/>
      <c r="P92" s="8"/>
      <c r="Q92" s="8"/>
      <c r="R92" s="8"/>
      <c r="S92" s="8"/>
      <c r="T92" s="8"/>
      <c r="U92" s="8"/>
      <c r="V92" s="8"/>
      <c r="W92" s="8"/>
      <c r="X92" s="8"/>
      <c r="Y92" s="8"/>
      <c r="Z92" s="8"/>
      <c r="AA92" s="8"/>
      <c r="AB92" s="8"/>
      <c r="AC92" s="8"/>
      <c r="AD92" s="8"/>
      <c r="AE92" s="8"/>
      <c r="AF92" s="8"/>
      <c r="AG92" s="8"/>
      <c r="AH92" s="8"/>
      <c r="AI92" s="8"/>
      <c r="AJ92" s="8"/>
      <c r="AK92" s="8"/>
      <c r="AL92" s="8"/>
      <c r="AM92" s="12" t="s">
        <v>1</v>
      </c>
      <c r="AN92" s="8"/>
      <c r="AO92" s="8"/>
      <c r="AP92" s="13"/>
      <c r="AQ92" s="13"/>
      <c r="AR92" s="13"/>
    </row>
    <row r="93" spans="1:44" ht="13.5" customHeight="1">
      <c r="A93" s="233" t="s">
        <v>2</v>
      </c>
      <c r="B93" s="234"/>
      <c r="C93" s="239" t="s">
        <v>3</v>
      </c>
      <c r="D93" s="234"/>
      <c r="E93" s="239" t="s">
        <v>4</v>
      </c>
      <c r="F93" s="234"/>
      <c r="G93" s="242" t="s">
        <v>5</v>
      </c>
      <c r="H93" s="243"/>
      <c r="I93" s="243"/>
      <c r="J93" s="243"/>
      <c r="K93" s="243"/>
      <c r="L93" s="243"/>
      <c r="M93" s="243"/>
      <c r="N93" s="243"/>
      <c r="O93" s="243"/>
      <c r="P93" s="243"/>
      <c r="Q93" s="244"/>
      <c r="R93" s="239" t="s">
        <v>6</v>
      </c>
      <c r="S93" s="233" t="s">
        <v>7</v>
      </c>
      <c r="T93" s="245"/>
      <c r="U93" s="234" t="s">
        <v>48</v>
      </c>
      <c r="V93" s="239" t="s">
        <v>9</v>
      </c>
      <c r="W93" s="234"/>
      <c r="X93" s="239" t="s">
        <v>10</v>
      </c>
      <c r="Y93" s="251"/>
      <c r="Z93" s="251"/>
      <c r="AA93" s="251"/>
      <c r="AB93" s="251"/>
      <c r="AC93" s="251"/>
      <c r="AD93" s="251"/>
      <c r="AE93" s="251"/>
      <c r="AF93" s="251"/>
      <c r="AG93" s="251"/>
      <c r="AH93" s="251"/>
      <c r="AI93" s="251"/>
      <c r="AJ93" s="251"/>
      <c r="AK93" s="251"/>
      <c r="AL93" s="251"/>
      <c r="AM93" s="245"/>
      <c r="AN93" s="15"/>
      <c r="AO93" s="15"/>
      <c r="AP93" s="16"/>
      <c r="AQ93" s="16"/>
      <c r="AR93" s="16"/>
    </row>
    <row r="94" spans="1:44" ht="13.5" customHeight="1">
      <c r="A94" s="235"/>
      <c r="B94" s="236"/>
      <c r="C94" s="240"/>
      <c r="D94" s="236"/>
      <c r="E94" s="240"/>
      <c r="F94" s="236"/>
      <c r="G94" s="253" t="s">
        <v>11</v>
      </c>
      <c r="H94" s="254"/>
      <c r="I94" s="253" t="s">
        <v>12</v>
      </c>
      <c r="J94" s="254"/>
      <c r="K94" s="255" t="s">
        <v>13</v>
      </c>
      <c r="L94" s="258" t="s">
        <v>14</v>
      </c>
      <c r="M94" s="18"/>
      <c r="N94" s="261" t="s">
        <v>15</v>
      </c>
      <c r="O94" s="261"/>
      <c r="P94" s="261"/>
      <c r="Q94" s="262"/>
      <c r="R94" s="240"/>
      <c r="S94" s="235"/>
      <c r="T94" s="246"/>
      <c r="U94" s="236"/>
      <c r="V94" s="240"/>
      <c r="W94" s="236"/>
      <c r="X94" s="240"/>
      <c r="Y94" s="250"/>
      <c r="Z94" s="250"/>
      <c r="AA94" s="250"/>
      <c r="AB94" s="250"/>
      <c r="AC94" s="250"/>
      <c r="AD94" s="250"/>
      <c r="AE94" s="250"/>
      <c r="AF94" s="250"/>
      <c r="AG94" s="250"/>
      <c r="AH94" s="250"/>
      <c r="AI94" s="250"/>
      <c r="AJ94" s="250"/>
      <c r="AK94" s="250"/>
      <c r="AL94" s="250"/>
      <c r="AM94" s="246"/>
      <c r="AN94" s="15"/>
      <c r="AO94" s="15"/>
      <c r="AP94" s="16"/>
      <c r="AQ94" s="16"/>
      <c r="AR94" s="16"/>
    </row>
    <row r="95" spans="1:44" ht="4.5" customHeight="1">
      <c r="A95" s="235"/>
      <c r="B95" s="236"/>
      <c r="C95" s="240"/>
      <c r="D95" s="236"/>
      <c r="E95" s="240"/>
      <c r="F95" s="236"/>
      <c r="G95" s="240"/>
      <c r="H95" s="236"/>
      <c r="I95" s="240"/>
      <c r="J95" s="236"/>
      <c r="K95" s="256"/>
      <c r="L95" s="259"/>
      <c r="M95" s="19"/>
      <c r="N95" s="263" t="s">
        <v>16</v>
      </c>
      <c r="O95" s="254"/>
      <c r="P95" s="264" t="s">
        <v>17</v>
      </c>
      <c r="Q95" s="265"/>
      <c r="R95" s="240"/>
      <c r="S95" s="235"/>
      <c r="T95" s="246"/>
      <c r="U95" s="236"/>
      <c r="V95" s="240"/>
      <c r="W95" s="236"/>
      <c r="X95" s="240"/>
      <c r="Y95" s="250"/>
      <c r="Z95" s="250"/>
      <c r="AA95" s="250"/>
      <c r="AB95" s="250"/>
      <c r="AC95" s="250"/>
      <c r="AD95" s="250"/>
      <c r="AE95" s="250"/>
      <c r="AF95" s="250"/>
      <c r="AG95" s="250"/>
      <c r="AH95" s="250"/>
      <c r="AI95" s="250"/>
      <c r="AJ95" s="250"/>
      <c r="AK95" s="250"/>
      <c r="AL95" s="250"/>
      <c r="AM95" s="246"/>
      <c r="AN95" s="15"/>
      <c r="AO95" s="15"/>
      <c r="AP95" s="16"/>
      <c r="AQ95" s="16"/>
      <c r="AR95" s="16"/>
    </row>
    <row r="96" spans="1:44" ht="4.5" customHeight="1">
      <c r="A96" s="235"/>
      <c r="B96" s="236"/>
      <c r="C96" s="240"/>
      <c r="D96" s="236"/>
      <c r="E96" s="240"/>
      <c r="F96" s="236"/>
      <c r="G96" s="240"/>
      <c r="H96" s="236"/>
      <c r="I96" s="240"/>
      <c r="J96" s="236"/>
      <c r="K96" s="256"/>
      <c r="L96" s="259"/>
      <c r="M96" s="19"/>
      <c r="N96" s="250"/>
      <c r="O96" s="236"/>
      <c r="P96" s="266"/>
      <c r="Q96" s="267"/>
      <c r="R96" s="240"/>
      <c r="S96" s="235"/>
      <c r="T96" s="246"/>
      <c r="U96" s="236"/>
      <c r="V96" s="240"/>
      <c r="W96" s="236"/>
      <c r="X96" s="240"/>
      <c r="Y96" s="250"/>
      <c r="Z96" s="250"/>
      <c r="AA96" s="250"/>
      <c r="AB96" s="250"/>
      <c r="AC96" s="250"/>
      <c r="AD96" s="250"/>
      <c r="AE96" s="250"/>
      <c r="AF96" s="250"/>
      <c r="AG96" s="250"/>
      <c r="AH96" s="250"/>
      <c r="AI96" s="250"/>
      <c r="AJ96" s="250"/>
      <c r="AK96" s="250"/>
      <c r="AL96" s="250"/>
      <c r="AM96" s="246"/>
      <c r="AN96" s="15"/>
      <c r="AO96" s="15"/>
      <c r="AP96" s="16"/>
      <c r="AQ96" s="16"/>
      <c r="AR96" s="16"/>
    </row>
    <row r="97" spans="1:44" ht="4.5" customHeight="1">
      <c r="A97" s="237"/>
      <c r="B97" s="238"/>
      <c r="C97" s="241"/>
      <c r="D97" s="238"/>
      <c r="E97" s="241"/>
      <c r="F97" s="238"/>
      <c r="G97" s="241"/>
      <c r="H97" s="238"/>
      <c r="I97" s="241"/>
      <c r="J97" s="238"/>
      <c r="K97" s="257"/>
      <c r="L97" s="260"/>
      <c r="M97" s="21"/>
      <c r="N97" s="252"/>
      <c r="O97" s="238"/>
      <c r="P97" s="268"/>
      <c r="Q97" s="269"/>
      <c r="R97" s="241"/>
      <c r="S97" s="237"/>
      <c r="T97" s="247"/>
      <c r="U97" s="238"/>
      <c r="V97" s="241"/>
      <c r="W97" s="238"/>
      <c r="X97" s="241"/>
      <c r="Y97" s="252"/>
      <c r="Z97" s="252"/>
      <c r="AA97" s="252"/>
      <c r="AB97" s="252"/>
      <c r="AC97" s="252"/>
      <c r="AD97" s="252"/>
      <c r="AE97" s="252"/>
      <c r="AF97" s="252"/>
      <c r="AG97" s="252"/>
      <c r="AH97" s="252"/>
      <c r="AI97" s="252"/>
      <c r="AJ97" s="252"/>
      <c r="AK97" s="252"/>
      <c r="AL97" s="252"/>
      <c r="AM97" s="247"/>
      <c r="AN97" s="15"/>
      <c r="AO97" s="15"/>
      <c r="AP97" s="16"/>
      <c r="AQ97" s="16"/>
      <c r="AR97" s="16"/>
    </row>
    <row r="98" spans="1:44" s="39" customFormat="1" ht="9" customHeight="1">
      <c r="A98" s="23"/>
      <c r="B98" s="24"/>
      <c r="C98" s="25"/>
      <c r="D98" s="24"/>
      <c r="E98" s="25"/>
      <c r="F98" s="24"/>
      <c r="G98" s="26"/>
      <c r="H98" s="27" t="s">
        <v>18</v>
      </c>
      <c r="I98" s="26"/>
      <c r="J98" s="27" t="s">
        <v>18</v>
      </c>
      <c r="K98" s="28" t="s">
        <v>18</v>
      </c>
      <c r="L98" s="29" t="s">
        <v>18</v>
      </c>
      <c r="M98" s="25"/>
      <c r="N98" s="25"/>
      <c r="O98" s="30"/>
      <c r="P98" s="26"/>
      <c r="Q98" s="27" t="s">
        <v>18</v>
      </c>
      <c r="R98" s="26" t="s">
        <v>18</v>
      </c>
      <c r="S98" s="31"/>
      <c r="T98" s="32" t="s">
        <v>18</v>
      </c>
      <c r="U98" s="27" t="s">
        <v>18</v>
      </c>
      <c r="V98" s="26"/>
      <c r="W98" s="27" t="s">
        <v>18</v>
      </c>
      <c r="X98" s="33"/>
      <c r="Y98" s="33"/>
      <c r="Z98" s="33"/>
      <c r="AA98" s="33"/>
      <c r="AB98" s="34"/>
      <c r="AC98" s="34"/>
      <c r="AD98" s="34"/>
      <c r="AE98" s="34"/>
      <c r="AF98" s="34"/>
      <c r="AG98" s="34"/>
      <c r="AH98" s="34"/>
      <c r="AI98" s="34"/>
      <c r="AJ98" s="34"/>
      <c r="AK98" s="35"/>
      <c r="AL98" s="35"/>
      <c r="AM98" s="36"/>
      <c r="AN98" s="37"/>
      <c r="AO98" s="37"/>
      <c r="AP98" s="38"/>
      <c r="AQ98" s="38"/>
      <c r="AR98" s="38"/>
    </row>
    <row r="99" spans="1:44" s="59" customFormat="1" ht="9.75" customHeight="1">
      <c r="A99" s="50"/>
      <c r="B99" s="56"/>
      <c r="C99" s="43"/>
      <c r="D99" s="64"/>
      <c r="E99" s="317" t="s">
        <v>21</v>
      </c>
      <c r="F99" s="287" t="s">
        <v>83</v>
      </c>
      <c r="G99" s="43"/>
      <c r="H99" s="44"/>
      <c r="I99" s="43"/>
      <c r="J99" s="44"/>
      <c r="K99" s="45"/>
      <c r="L99" s="45"/>
      <c r="M99" s="42"/>
      <c r="N99" s="42"/>
      <c r="O99" s="64"/>
      <c r="P99" s="43"/>
      <c r="Q99" s="44"/>
      <c r="R99" s="43"/>
      <c r="S99" s="46"/>
      <c r="T99" s="47"/>
      <c r="U99" s="44"/>
      <c r="V99" s="43"/>
      <c r="W99" s="44"/>
      <c r="X99" s="33" t="s">
        <v>1</v>
      </c>
      <c r="Y99" s="33"/>
      <c r="Z99" s="33"/>
      <c r="AA99" s="33"/>
      <c r="AB99" s="34"/>
      <c r="AC99" s="34"/>
      <c r="AD99" s="34"/>
      <c r="AE99" s="34"/>
      <c r="AF99" s="34"/>
      <c r="AG99" s="34"/>
      <c r="AH99" s="34"/>
      <c r="AI99" s="34"/>
      <c r="AJ99" s="34"/>
      <c r="AK99" s="35"/>
      <c r="AL99" s="35"/>
      <c r="AM99" s="36"/>
    </row>
    <row r="100" spans="1:44" s="59" customFormat="1" ht="9.75" customHeight="1">
      <c r="A100" s="40"/>
      <c r="B100" s="41"/>
      <c r="C100" s="43"/>
      <c r="D100" s="64"/>
      <c r="E100" s="219"/>
      <c r="F100" s="222"/>
      <c r="G100" s="43"/>
      <c r="H100" s="44" t="s">
        <v>550</v>
      </c>
      <c r="I100" s="43" t="s">
        <v>23</v>
      </c>
      <c r="J100" s="44" t="s">
        <v>551</v>
      </c>
      <c r="K100" s="45" t="s">
        <v>22</v>
      </c>
      <c r="L100" s="45" t="s">
        <v>552</v>
      </c>
      <c r="M100" s="42"/>
      <c r="N100" s="42"/>
      <c r="O100" s="64"/>
      <c r="P100" s="43"/>
      <c r="Q100" s="44"/>
      <c r="R100" s="43" t="s">
        <v>553</v>
      </c>
      <c r="S100" s="46"/>
      <c r="T100" s="47" t="s">
        <v>553</v>
      </c>
      <c r="U100" s="44" t="s">
        <v>22</v>
      </c>
      <c r="V100" s="43"/>
      <c r="W100" s="44" t="s">
        <v>22</v>
      </c>
      <c r="X100" s="33"/>
      <c r="Y100" s="33"/>
      <c r="Z100" s="33"/>
      <c r="AA100" s="33"/>
      <c r="AB100" s="34"/>
      <c r="AC100" s="34"/>
      <c r="AD100" s="34"/>
      <c r="AE100" s="34"/>
      <c r="AF100" s="34"/>
      <c r="AG100" s="34"/>
      <c r="AH100" s="34"/>
      <c r="AI100" s="34"/>
      <c r="AJ100" s="34"/>
      <c r="AK100" s="35"/>
      <c r="AL100" s="35"/>
      <c r="AM100" s="36"/>
    </row>
    <row r="101" spans="1:44" s="59" customFormat="1" ht="9.75" customHeight="1">
      <c r="A101" s="40"/>
      <c r="B101" s="41"/>
      <c r="C101" s="43"/>
      <c r="D101" s="64"/>
      <c r="E101" s="220"/>
      <c r="F101" s="223"/>
      <c r="G101" s="43"/>
      <c r="H101" s="44"/>
      <c r="I101" s="43"/>
      <c r="J101" s="44"/>
      <c r="K101" s="45"/>
      <c r="L101" s="45"/>
      <c r="M101" s="42"/>
      <c r="N101" s="42"/>
      <c r="O101" s="64"/>
      <c r="P101" s="43"/>
      <c r="Q101" s="44"/>
      <c r="R101" s="43"/>
      <c r="S101" s="46"/>
      <c r="T101" s="47"/>
      <c r="U101" s="44"/>
      <c r="V101" s="43"/>
      <c r="W101" s="44"/>
      <c r="X101" s="33"/>
      <c r="Y101" s="33"/>
      <c r="Z101" s="33"/>
      <c r="AA101" s="33"/>
      <c r="AB101" s="34"/>
      <c r="AC101" s="34"/>
      <c r="AD101" s="34"/>
      <c r="AE101" s="34"/>
      <c r="AF101" s="34"/>
      <c r="AG101" s="34"/>
      <c r="AH101" s="34"/>
      <c r="AI101" s="34"/>
      <c r="AJ101" s="34"/>
      <c r="AK101" s="35"/>
      <c r="AL101" s="35"/>
      <c r="AM101" s="36"/>
    </row>
    <row r="102" spans="1:44" s="59" customFormat="1" ht="9.75" customHeight="1">
      <c r="A102" s="50"/>
      <c r="B102" s="51"/>
      <c r="C102" s="43"/>
      <c r="D102" s="64"/>
      <c r="E102" s="218" t="s">
        <v>25</v>
      </c>
      <c r="F102" s="221" t="s">
        <v>84</v>
      </c>
      <c r="G102" s="66"/>
      <c r="H102" s="69"/>
      <c r="I102" s="66"/>
      <c r="J102" s="69"/>
      <c r="K102" s="70"/>
      <c r="L102" s="70"/>
      <c r="M102" s="71"/>
      <c r="N102" s="71"/>
      <c r="O102" s="68"/>
      <c r="P102" s="66"/>
      <c r="Q102" s="69"/>
      <c r="R102" s="66"/>
      <c r="S102" s="72"/>
      <c r="T102" s="73"/>
      <c r="U102" s="69"/>
      <c r="V102" s="66"/>
      <c r="W102" s="69"/>
      <c r="X102" s="74" t="s">
        <v>1</v>
      </c>
      <c r="Y102" s="74"/>
      <c r="Z102" s="74"/>
      <c r="AA102" s="74"/>
      <c r="AB102" s="75"/>
      <c r="AC102" s="75"/>
      <c r="AD102" s="75"/>
      <c r="AE102" s="75"/>
      <c r="AF102" s="75"/>
      <c r="AG102" s="75"/>
      <c r="AH102" s="75"/>
      <c r="AI102" s="75"/>
      <c r="AJ102" s="75"/>
      <c r="AK102" s="25"/>
      <c r="AL102" s="25"/>
      <c r="AM102" s="32"/>
    </row>
    <row r="103" spans="1:44" s="59" customFormat="1" ht="9.75" customHeight="1">
      <c r="A103" s="50"/>
      <c r="B103" s="51"/>
      <c r="C103" s="43"/>
      <c r="D103" s="64"/>
      <c r="E103" s="219"/>
      <c r="F103" s="222"/>
      <c r="G103" s="43"/>
      <c r="H103" s="44" t="s">
        <v>554</v>
      </c>
      <c r="I103" s="43"/>
      <c r="J103" s="44" t="s">
        <v>22</v>
      </c>
      <c r="K103" s="45" t="s">
        <v>22</v>
      </c>
      <c r="L103" s="45" t="s">
        <v>554</v>
      </c>
      <c r="M103" s="42"/>
      <c r="N103" s="42"/>
      <c r="O103" s="41"/>
      <c r="P103" s="43"/>
      <c r="Q103" s="44"/>
      <c r="R103" s="43" t="s">
        <v>555</v>
      </c>
      <c r="S103" s="46"/>
      <c r="T103" s="47" t="s">
        <v>555</v>
      </c>
      <c r="U103" s="44" t="s">
        <v>22</v>
      </c>
      <c r="V103" s="43"/>
      <c r="W103" s="44" t="s">
        <v>22</v>
      </c>
      <c r="X103" s="33"/>
      <c r="Y103" s="33"/>
      <c r="Z103" s="33"/>
      <c r="AA103" s="33"/>
      <c r="AB103" s="34"/>
      <c r="AC103" s="34"/>
      <c r="AD103" s="34"/>
      <c r="AE103" s="34"/>
      <c r="AF103" s="34"/>
      <c r="AG103" s="34"/>
      <c r="AH103" s="34"/>
      <c r="AI103" s="34"/>
      <c r="AJ103" s="34"/>
      <c r="AK103" s="35"/>
      <c r="AL103" s="35"/>
      <c r="AM103" s="36"/>
    </row>
    <row r="104" spans="1:44" s="59" customFormat="1" ht="9.75" customHeight="1">
      <c r="A104" s="50"/>
      <c r="B104" s="51"/>
      <c r="C104" s="43"/>
      <c r="D104" s="64"/>
      <c r="E104" s="219"/>
      <c r="F104" s="222"/>
      <c r="G104" s="43"/>
      <c r="H104" s="44"/>
      <c r="I104" s="43"/>
      <c r="J104" s="44"/>
      <c r="K104" s="45"/>
      <c r="L104" s="45"/>
      <c r="M104" s="42"/>
      <c r="N104" s="42"/>
      <c r="O104" s="41"/>
      <c r="P104" s="43"/>
      <c r="Q104" s="44"/>
      <c r="R104" s="43"/>
      <c r="S104" s="46"/>
      <c r="T104" s="47"/>
      <c r="U104" s="44"/>
      <c r="V104" s="43"/>
      <c r="W104" s="44"/>
      <c r="X104" s="33"/>
      <c r="Y104" s="33"/>
      <c r="Z104" s="33"/>
      <c r="AA104" s="33"/>
      <c r="AB104" s="34"/>
      <c r="AC104" s="34"/>
      <c r="AD104" s="34"/>
      <c r="AE104" s="34"/>
      <c r="AF104" s="34"/>
      <c r="AG104" s="34"/>
      <c r="AH104" s="34"/>
      <c r="AI104" s="34"/>
      <c r="AJ104" s="34"/>
      <c r="AK104" s="35"/>
      <c r="AL104" s="35"/>
      <c r="AM104" s="36"/>
    </row>
    <row r="105" spans="1:44" s="59" customFormat="1" ht="9.75" customHeight="1">
      <c r="A105" s="50"/>
      <c r="B105" s="56"/>
      <c r="C105" s="43"/>
      <c r="D105" s="64"/>
      <c r="E105" s="43"/>
      <c r="F105" s="64"/>
      <c r="G105" s="43"/>
      <c r="H105" s="44"/>
      <c r="I105" s="43"/>
      <c r="J105" s="44"/>
      <c r="K105" s="45"/>
      <c r="L105" s="45"/>
      <c r="M105" s="42"/>
      <c r="N105" s="227" t="s">
        <v>21</v>
      </c>
      <c r="O105" s="230" t="s">
        <v>605</v>
      </c>
      <c r="P105" s="66"/>
      <c r="Q105" s="69"/>
      <c r="R105" s="66"/>
      <c r="S105" s="72"/>
      <c r="T105" s="73"/>
      <c r="U105" s="69"/>
      <c r="V105" s="66"/>
      <c r="W105" s="69"/>
      <c r="X105" s="74" t="s">
        <v>1</v>
      </c>
      <c r="Y105" s="74"/>
      <c r="Z105" s="74"/>
      <c r="AA105" s="74"/>
      <c r="AB105" s="75"/>
      <c r="AC105" s="75"/>
      <c r="AD105" s="75"/>
      <c r="AE105" s="75"/>
      <c r="AF105" s="75"/>
      <c r="AG105" s="75"/>
      <c r="AH105" s="75"/>
      <c r="AI105" s="75"/>
      <c r="AJ105" s="75"/>
      <c r="AK105" s="25"/>
      <c r="AL105" s="25"/>
      <c r="AM105" s="32"/>
    </row>
    <row r="106" spans="1:44" s="59" customFormat="1" ht="9.75" customHeight="1">
      <c r="A106" s="40"/>
      <c r="B106" s="41"/>
      <c r="C106" s="43"/>
      <c r="D106" s="64"/>
      <c r="E106" s="43"/>
      <c r="F106" s="64"/>
      <c r="G106" s="43"/>
      <c r="H106" s="44"/>
      <c r="I106" s="43"/>
      <c r="J106" s="44"/>
      <c r="K106" s="45"/>
      <c r="L106" s="45"/>
      <c r="M106" s="42"/>
      <c r="N106" s="228"/>
      <c r="O106" s="222"/>
      <c r="P106" s="43"/>
      <c r="Q106" s="44" t="s">
        <v>554</v>
      </c>
      <c r="R106" s="43" t="s">
        <v>555</v>
      </c>
      <c r="S106" s="46"/>
      <c r="T106" s="47" t="s">
        <v>555</v>
      </c>
      <c r="U106" s="44" t="s">
        <v>22</v>
      </c>
      <c r="V106" s="43"/>
      <c r="W106" s="44" t="s">
        <v>22</v>
      </c>
      <c r="X106" s="33"/>
      <c r="Y106" s="33"/>
      <c r="Z106" s="33"/>
      <c r="AA106" s="33"/>
      <c r="AB106" s="34"/>
      <c r="AC106" s="34"/>
      <c r="AD106" s="34"/>
      <c r="AE106" s="34"/>
      <c r="AF106" s="34"/>
      <c r="AG106" s="34"/>
      <c r="AH106" s="34"/>
      <c r="AI106" s="34"/>
      <c r="AJ106" s="34"/>
      <c r="AK106" s="35"/>
      <c r="AL106" s="35"/>
      <c r="AM106" s="36"/>
    </row>
    <row r="107" spans="1:44" s="59" customFormat="1" ht="9.75" customHeight="1">
      <c r="A107" s="40"/>
      <c r="B107" s="41"/>
      <c r="C107" s="43"/>
      <c r="D107" s="64"/>
      <c r="E107" s="43"/>
      <c r="F107" s="64"/>
      <c r="G107" s="43"/>
      <c r="H107" s="44"/>
      <c r="I107" s="43"/>
      <c r="J107" s="44"/>
      <c r="K107" s="45"/>
      <c r="L107" s="45"/>
      <c r="M107" s="42"/>
      <c r="N107" s="229"/>
      <c r="O107" s="223"/>
      <c r="P107" s="43"/>
      <c r="Q107" s="44"/>
      <c r="R107" s="43"/>
      <c r="S107" s="46"/>
      <c r="T107" s="47"/>
      <c r="U107" s="44"/>
      <c r="V107" s="43"/>
      <c r="W107" s="44"/>
      <c r="X107" s="33"/>
      <c r="Y107" s="33"/>
      <c r="Z107" s="33"/>
      <c r="AA107" s="33"/>
      <c r="AB107" s="34"/>
      <c r="AC107" s="34"/>
      <c r="AD107" s="34"/>
      <c r="AE107" s="34"/>
      <c r="AF107" s="34"/>
      <c r="AG107" s="34"/>
      <c r="AH107" s="34"/>
      <c r="AI107" s="34"/>
      <c r="AJ107" s="34"/>
      <c r="AK107" s="35"/>
      <c r="AL107" s="35"/>
      <c r="AM107" s="36"/>
    </row>
    <row r="108" spans="1:44" s="59" customFormat="1" ht="9.75" customHeight="1">
      <c r="A108" s="50"/>
      <c r="B108" s="51"/>
      <c r="C108" s="43"/>
      <c r="D108" s="64"/>
      <c r="E108" s="218" t="s">
        <v>26</v>
      </c>
      <c r="F108" s="221" t="s">
        <v>85</v>
      </c>
      <c r="G108" s="66"/>
      <c r="H108" s="69"/>
      <c r="I108" s="66"/>
      <c r="J108" s="69"/>
      <c r="K108" s="70"/>
      <c r="L108" s="70"/>
      <c r="M108" s="71"/>
      <c r="N108" s="71"/>
      <c r="O108" s="68"/>
      <c r="P108" s="66"/>
      <c r="Q108" s="69"/>
      <c r="R108" s="66"/>
      <c r="S108" s="72"/>
      <c r="T108" s="73"/>
      <c r="U108" s="69"/>
      <c r="V108" s="66"/>
      <c r="W108" s="69"/>
      <c r="X108" s="74" t="s">
        <v>1</v>
      </c>
      <c r="Y108" s="74"/>
      <c r="Z108" s="74"/>
      <c r="AA108" s="74"/>
      <c r="AB108" s="75"/>
      <c r="AC108" s="75"/>
      <c r="AD108" s="75"/>
      <c r="AE108" s="75"/>
      <c r="AF108" s="75"/>
      <c r="AG108" s="75"/>
      <c r="AH108" s="75"/>
      <c r="AI108" s="75"/>
      <c r="AJ108" s="75"/>
      <c r="AK108" s="25"/>
      <c r="AL108" s="25"/>
      <c r="AM108" s="32"/>
    </row>
    <row r="109" spans="1:44" s="59" customFormat="1" ht="9.75" customHeight="1">
      <c r="A109" s="50"/>
      <c r="B109" s="51"/>
      <c r="C109" s="43"/>
      <c r="D109" s="64"/>
      <c r="E109" s="219"/>
      <c r="F109" s="222"/>
      <c r="G109" s="43"/>
      <c r="H109" s="44" t="s">
        <v>88</v>
      </c>
      <c r="I109" s="43"/>
      <c r="J109" s="44" t="s">
        <v>22</v>
      </c>
      <c r="K109" s="45" t="s">
        <v>22</v>
      </c>
      <c r="L109" s="45" t="s">
        <v>88</v>
      </c>
      <c r="M109" s="42"/>
      <c r="N109" s="42"/>
      <c r="O109" s="41"/>
      <c r="P109" s="43"/>
      <c r="Q109" s="44"/>
      <c r="R109" s="43" t="s">
        <v>556</v>
      </c>
      <c r="S109" s="46"/>
      <c r="T109" s="47" t="s">
        <v>556</v>
      </c>
      <c r="U109" s="44" t="s">
        <v>22</v>
      </c>
      <c r="V109" s="43"/>
      <c r="W109" s="44" t="s">
        <v>22</v>
      </c>
      <c r="X109" s="33"/>
      <c r="Y109" s="33"/>
      <c r="Z109" s="33"/>
      <c r="AA109" s="33"/>
      <c r="AB109" s="34"/>
      <c r="AC109" s="34"/>
      <c r="AD109" s="34"/>
      <c r="AE109" s="34"/>
      <c r="AF109" s="34"/>
      <c r="AG109" s="34"/>
      <c r="AH109" s="34"/>
      <c r="AI109" s="34"/>
      <c r="AJ109" s="34"/>
      <c r="AK109" s="35"/>
      <c r="AL109" s="35"/>
      <c r="AM109" s="36"/>
    </row>
    <row r="110" spans="1:44" s="59" customFormat="1" ht="9.75" customHeight="1">
      <c r="A110" s="50"/>
      <c r="B110" s="51"/>
      <c r="C110" s="43"/>
      <c r="D110" s="64"/>
      <c r="E110" s="219"/>
      <c r="F110" s="222"/>
      <c r="G110" s="43"/>
      <c r="H110" s="44"/>
      <c r="I110" s="43"/>
      <c r="J110" s="44"/>
      <c r="K110" s="45"/>
      <c r="L110" s="45"/>
      <c r="M110" s="42"/>
      <c r="N110" s="42"/>
      <c r="O110" s="41"/>
      <c r="P110" s="43"/>
      <c r="Q110" s="44"/>
      <c r="R110" s="43"/>
      <c r="S110" s="46"/>
      <c r="T110" s="47"/>
      <c r="U110" s="44"/>
      <c r="V110" s="43"/>
      <c r="W110" s="44"/>
      <c r="X110" s="33"/>
      <c r="Y110" s="33"/>
      <c r="Z110" s="33"/>
      <c r="AA110" s="33"/>
      <c r="AB110" s="34"/>
      <c r="AC110" s="34"/>
      <c r="AD110" s="34"/>
      <c r="AE110" s="34"/>
      <c r="AF110" s="34"/>
      <c r="AG110" s="34"/>
      <c r="AH110" s="34"/>
      <c r="AI110" s="34"/>
      <c r="AJ110" s="34"/>
      <c r="AK110" s="35"/>
      <c r="AL110" s="35"/>
      <c r="AM110" s="36"/>
    </row>
    <row r="111" spans="1:44" s="59" customFormat="1" ht="9.75" customHeight="1">
      <c r="A111" s="50"/>
      <c r="B111" s="56"/>
      <c r="C111" s="43"/>
      <c r="D111" s="64"/>
      <c r="E111" s="43"/>
      <c r="F111" s="64"/>
      <c r="G111" s="43"/>
      <c r="H111" s="44"/>
      <c r="I111" s="43"/>
      <c r="J111" s="44"/>
      <c r="K111" s="45"/>
      <c r="L111" s="45"/>
      <c r="M111" s="42"/>
      <c r="N111" s="227" t="s">
        <v>21</v>
      </c>
      <c r="O111" s="230" t="s">
        <v>606</v>
      </c>
      <c r="P111" s="66"/>
      <c r="Q111" s="69"/>
      <c r="R111" s="66"/>
      <c r="S111" s="72"/>
      <c r="T111" s="73"/>
      <c r="U111" s="69"/>
      <c r="V111" s="66"/>
      <c r="W111" s="69"/>
      <c r="X111" s="74" t="s">
        <v>1</v>
      </c>
      <c r="Y111" s="74"/>
      <c r="Z111" s="74"/>
      <c r="AA111" s="74"/>
      <c r="AB111" s="75"/>
      <c r="AC111" s="75"/>
      <c r="AD111" s="75"/>
      <c r="AE111" s="75"/>
      <c r="AF111" s="75"/>
      <c r="AG111" s="75"/>
      <c r="AH111" s="75"/>
      <c r="AI111" s="75"/>
      <c r="AJ111" s="75"/>
      <c r="AK111" s="25"/>
      <c r="AL111" s="25"/>
      <c r="AM111" s="32"/>
    </row>
    <row r="112" spans="1:44" s="59" customFormat="1" ht="9.75" customHeight="1">
      <c r="A112" s="40"/>
      <c r="B112" s="41"/>
      <c r="C112" s="43"/>
      <c r="D112" s="64"/>
      <c r="E112" s="43"/>
      <c r="F112" s="64"/>
      <c r="G112" s="43"/>
      <c r="H112" s="44"/>
      <c r="I112" s="43"/>
      <c r="J112" s="44"/>
      <c r="K112" s="45"/>
      <c r="L112" s="45"/>
      <c r="M112" s="42"/>
      <c r="N112" s="228"/>
      <c r="O112" s="222"/>
      <c r="P112" s="43"/>
      <c r="Q112" s="44" t="s">
        <v>88</v>
      </c>
      <c r="R112" s="43" t="s">
        <v>556</v>
      </c>
      <c r="S112" s="46"/>
      <c r="T112" s="47" t="s">
        <v>556</v>
      </c>
      <c r="U112" s="44" t="s">
        <v>22</v>
      </c>
      <c r="V112" s="43"/>
      <c r="W112" s="44" t="s">
        <v>22</v>
      </c>
      <c r="X112" s="33"/>
      <c r="Y112" s="33"/>
      <c r="Z112" s="33"/>
      <c r="AA112" s="33"/>
      <c r="AB112" s="34"/>
      <c r="AC112" s="34"/>
      <c r="AD112" s="34"/>
      <c r="AE112" s="34"/>
      <c r="AF112" s="34"/>
      <c r="AG112" s="34"/>
      <c r="AH112" s="34"/>
      <c r="AI112" s="34"/>
      <c r="AJ112" s="34"/>
      <c r="AK112" s="35"/>
      <c r="AL112" s="35"/>
      <c r="AM112" s="36"/>
    </row>
    <row r="113" spans="1:39" s="59" customFormat="1" ht="9.75" customHeight="1">
      <c r="A113" s="40"/>
      <c r="B113" s="41"/>
      <c r="C113" s="43"/>
      <c r="D113" s="64"/>
      <c r="E113" s="43"/>
      <c r="F113" s="64"/>
      <c r="G113" s="43"/>
      <c r="H113" s="44"/>
      <c r="I113" s="43"/>
      <c r="J113" s="44"/>
      <c r="K113" s="45"/>
      <c r="L113" s="45"/>
      <c r="M113" s="42"/>
      <c r="N113" s="229"/>
      <c r="O113" s="223"/>
      <c r="P113" s="43"/>
      <c r="Q113" s="44"/>
      <c r="R113" s="43"/>
      <c r="S113" s="46"/>
      <c r="T113" s="47"/>
      <c r="U113" s="44"/>
      <c r="V113" s="43"/>
      <c r="W113" s="44"/>
      <c r="X113" s="33"/>
      <c r="Y113" s="33"/>
      <c r="Z113" s="33"/>
      <c r="AA113" s="33"/>
      <c r="AB113" s="34"/>
      <c r="AC113" s="34"/>
      <c r="AD113" s="34"/>
      <c r="AE113" s="34"/>
      <c r="AF113" s="34"/>
      <c r="AG113" s="34"/>
      <c r="AH113" s="34"/>
      <c r="AI113" s="34"/>
      <c r="AJ113" s="34"/>
      <c r="AK113" s="35"/>
      <c r="AL113" s="35"/>
      <c r="AM113" s="36"/>
    </row>
    <row r="114" spans="1:39" s="59" customFormat="1" ht="9.75" customHeight="1">
      <c r="A114" s="50"/>
      <c r="B114" s="51"/>
      <c r="C114" s="43"/>
      <c r="D114" s="64"/>
      <c r="E114" s="218" t="s">
        <v>31</v>
      </c>
      <c r="F114" s="221" t="s">
        <v>92</v>
      </c>
      <c r="G114" s="66"/>
      <c r="H114" s="69"/>
      <c r="I114" s="66"/>
      <c r="J114" s="69"/>
      <c r="K114" s="70"/>
      <c r="L114" s="70"/>
      <c r="M114" s="71"/>
      <c r="N114" s="71"/>
      <c r="O114" s="68"/>
      <c r="P114" s="66"/>
      <c r="Q114" s="69"/>
      <c r="R114" s="66"/>
      <c r="S114" s="72"/>
      <c r="T114" s="73"/>
      <c r="U114" s="69"/>
      <c r="V114" s="66"/>
      <c r="W114" s="69"/>
      <c r="X114" s="74" t="s">
        <v>1</v>
      </c>
      <c r="Y114" s="74"/>
      <c r="Z114" s="74"/>
      <c r="AA114" s="74"/>
      <c r="AB114" s="75"/>
      <c r="AC114" s="75"/>
      <c r="AD114" s="75"/>
      <c r="AE114" s="75"/>
      <c r="AF114" s="75"/>
      <c r="AG114" s="75"/>
      <c r="AH114" s="75"/>
      <c r="AI114" s="75"/>
      <c r="AJ114" s="75"/>
      <c r="AK114" s="25"/>
      <c r="AL114" s="25"/>
      <c r="AM114" s="32"/>
    </row>
    <row r="115" spans="1:39" s="59" customFormat="1" ht="9.75" customHeight="1">
      <c r="A115" s="50"/>
      <c r="B115" s="51"/>
      <c r="C115" s="43"/>
      <c r="D115" s="64"/>
      <c r="E115" s="219"/>
      <c r="F115" s="222"/>
      <c r="G115" s="43"/>
      <c r="H115" s="44" t="s">
        <v>557</v>
      </c>
      <c r="I115" s="43" t="s">
        <v>23</v>
      </c>
      <c r="J115" s="44" t="s">
        <v>558</v>
      </c>
      <c r="K115" s="45" t="s">
        <v>22</v>
      </c>
      <c r="L115" s="45" t="s">
        <v>559</v>
      </c>
      <c r="M115" s="42"/>
      <c r="N115" s="42"/>
      <c r="O115" s="41"/>
      <c r="P115" s="43"/>
      <c r="Q115" s="44"/>
      <c r="R115" s="43" t="s">
        <v>560</v>
      </c>
      <c r="S115" s="46"/>
      <c r="T115" s="47" t="s">
        <v>560</v>
      </c>
      <c r="U115" s="44" t="s">
        <v>22</v>
      </c>
      <c r="V115" s="43"/>
      <c r="W115" s="44" t="s">
        <v>22</v>
      </c>
      <c r="X115" s="33"/>
      <c r="Y115" s="33"/>
      <c r="Z115" s="33"/>
      <c r="AA115" s="33"/>
      <c r="AB115" s="34"/>
      <c r="AC115" s="34"/>
      <c r="AD115" s="34"/>
      <c r="AE115" s="34"/>
      <c r="AF115" s="34"/>
      <c r="AG115" s="34"/>
      <c r="AH115" s="34"/>
      <c r="AI115" s="34"/>
      <c r="AJ115" s="34"/>
      <c r="AK115" s="35"/>
      <c r="AL115" s="35"/>
      <c r="AM115" s="36"/>
    </row>
    <row r="116" spans="1:39" s="59" customFormat="1" ht="9.75" customHeight="1">
      <c r="A116" s="50"/>
      <c r="B116" s="51"/>
      <c r="C116" s="43"/>
      <c r="D116" s="64"/>
      <c r="E116" s="220"/>
      <c r="F116" s="223"/>
      <c r="G116" s="43"/>
      <c r="H116" s="44"/>
      <c r="I116" s="43"/>
      <c r="J116" s="44"/>
      <c r="K116" s="45"/>
      <c r="L116" s="45"/>
      <c r="M116" s="42"/>
      <c r="N116" s="42"/>
      <c r="O116" s="41"/>
      <c r="P116" s="43"/>
      <c r="Q116" s="44"/>
      <c r="R116" s="43"/>
      <c r="S116" s="46"/>
      <c r="T116" s="47"/>
      <c r="U116" s="44"/>
      <c r="V116" s="43"/>
      <c r="W116" s="44"/>
      <c r="X116" s="33"/>
      <c r="Y116" s="33"/>
      <c r="Z116" s="33"/>
      <c r="AA116" s="33"/>
      <c r="AB116" s="34"/>
      <c r="AC116" s="34"/>
      <c r="AD116" s="34"/>
      <c r="AE116" s="34"/>
      <c r="AF116" s="34"/>
      <c r="AG116" s="34"/>
      <c r="AH116" s="34"/>
      <c r="AI116" s="34"/>
      <c r="AJ116" s="34"/>
      <c r="AK116" s="35"/>
      <c r="AL116" s="35"/>
      <c r="AM116" s="36"/>
    </row>
    <row r="117" spans="1:39" s="59" customFormat="1" ht="9.75" customHeight="1">
      <c r="A117" s="50"/>
      <c r="B117" s="51"/>
      <c r="C117" s="43"/>
      <c r="D117" s="64"/>
      <c r="E117" s="218" t="s">
        <v>32</v>
      </c>
      <c r="F117" s="221" t="s">
        <v>99</v>
      </c>
      <c r="G117" s="66"/>
      <c r="H117" s="69"/>
      <c r="I117" s="66"/>
      <c r="J117" s="69"/>
      <c r="K117" s="70"/>
      <c r="L117" s="70"/>
      <c r="M117" s="71"/>
      <c r="N117" s="71"/>
      <c r="O117" s="68"/>
      <c r="P117" s="66"/>
      <c r="Q117" s="69"/>
      <c r="R117" s="66"/>
      <c r="S117" s="72"/>
      <c r="T117" s="73"/>
      <c r="U117" s="69"/>
      <c r="V117" s="66"/>
      <c r="W117" s="69"/>
      <c r="X117" s="74" t="s">
        <v>1</v>
      </c>
      <c r="Y117" s="74"/>
      <c r="Z117" s="74"/>
      <c r="AA117" s="74"/>
      <c r="AB117" s="75"/>
      <c r="AC117" s="75"/>
      <c r="AD117" s="75"/>
      <c r="AE117" s="75"/>
      <c r="AF117" s="75"/>
      <c r="AG117" s="75"/>
      <c r="AH117" s="75"/>
      <c r="AI117" s="75"/>
      <c r="AJ117" s="75"/>
      <c r="AK117" s="25"/>
      <c r="AL117" s="25"/>
      <c r="AM117" s="32"/>
    </row>
    <row r="118" spans="1:39" s="59" customFormat="1" ht="9.75" customHeight="1">
      <c r="A118" s="50"/>
      <c r="B118" s="51"/>
      <c r="C118" s="43"/>
      <c r="D118" s="64"/>
      <c r="E118" s="219"/>
      <c r="F118" s="222"/>
      <c r="G118" s="43"/>
      <c r="H118" s="44" t="s">
        <v>561</v>
      </c>
      <c r="I118" s="43" t="s">
        <v>23</v>
      </c>
      <c r="J118" s="44" t="s">
        <v>562</v>
      </c>
      <c r="K118" s="45" t="s">
        <v>22</v>
      </c>
      <c r="L118" s="45" t="s">
        <v>563</v>
      </c>
      <c r="M118" s="42"/>
      <c r="N118" s="42"/>
      <c r="O118" s="41"/>
      <c r="P118" s="43"/>
      <c r="Q118" s="44"/>
      <c r="R118" s="43" t="s">
        <v>564</v>
      </c>
      <c r="S118" s="46"/>
      <c r="T118" s="47" t="s">
        <v>565</v>
      </c>
      <c r="U118" s="44" t="s">
        <v>22</v>
      </c>
      <c r="V118" s="43"/>
      <c r="W118" s="44" t="s">
        <v>549</v>
      </c>
      <c r="X118" s="33"/>
      <c r="Y118" s="33"/>
      <c r="Z118" s="33"/>
      <c r="AA118" s="33"/>
      <c r="AB118" s="34"/>
      <c r="AC118" s="34"/>
      <c r="AD118" s="34"/>
      <c r="AE118" s="34"/>
      <c r="AF118" s="34"/>
      <c r="AG118" s="34"/>
      <c r="AH118" s="34"/>
      <c r="AI118" s="34"/>
      <c r="AJ118" s="34"/>
      <c r="AK118" s="35"/>
      <c r="AL118" s="35"/>
      <c r="AM118" s="36"/>
    </row>
    <row r="119" spans="1:39" s="59" customFormat="1" ht="9.75" customHeight="1">
      <c r="A119" s="100"/>
      <c r="B119" s="114"/>
      <c r="C119" s="91"/>
      <c r="D119" s="102"/>
      <c r="E119" s="220"/>
      <c r="F119" s="223"/>
      <c r="G119" s="91"/>
      <c r="H119" s="92"/>
      <c r="I119" s="91"/>
      <c r="J119" s="92"/>
      <c r="K119" s="48"/>
      <c r="L119" s="48"/>
      <c r="M119" s="49"/>
      <c r="N119" s="49"/>
      <c r="O119" s="90"/>
      <c r="P119" s="91"/>
      <c r="Q119" s="92"/>
      <c r="R119" s="91"/>
      <c r="S119" s="93"/>
      <c r="T119" s="94"/>
      <c r="U119" s="92"/>
      <c r="V119" s="91"/>
      <c r="W119" s="92"/>
      <c r="X119" s="95"/>
      <c r="Y119" s="95"/>
      <c r="Z119" s="95"/>
      <c r="AA119" s="95"/>
      <c r="AB119" s="96"/>
      <c r="AC119" s="96"/>
      <c r="AD119" s="96"/>
      <c r="AE119" s="96"/>
      <c r="AF119" s="96"/>
      <c r="AG119" s="96"/>
      <c r="AH119" s="96"/>
      <c r="AI119" s="96"/>
      <c r="AJ119" s="96"/>
      <c r="AK119" s="97"/>
      <c r="AL119" s="97"/>
      <c r="AM119" s="98"/>
    </row>
    <row r="120" spans="1:39" s="59" customFormat="1" ht="9.75" customHeight="1">
      <c r="A120" s="76"/>
      <c r="B120" s="115"/>
      <c r="C120" s="115"/>
      <c r="D120" s="115"/>
      <c r="E120" s="115"/>
      <c r="F120" s="115"/>
      <c r="G120" s="103"/>
      <c r="H120" s="104"/>
      <c r="I120" s="103"/>
      <c r="J120" s="104"/>
      <c r="K120" s="105"/>
      <c r="L120" s="105"/>
      <c r="M120" s="106"/>
      <c r="N120" s="106"/>
      <c r="O120" s="65"/>
      <c r="P120" s="103"/>
      <c r="Q120" s="104"/>
      <c r="R120" s="103"/>
      <c r="S120" s="107"/>
      <c r="T120" s="108"/>
      <c r="U120" s="104"/>
      <c r="V120" s="103"/>
      <c r="W120" s="104"/>
      <c r="X120" s="109" t="s">
        <v>1</v>
      </c>
      <c r="Y120" s="109"/>
      <c r="Z120" s="109"/>
      <c r="AA120" s="109"/>
      <c r="AB120" s="110"/>
      <c r="AC120" s="110"/>
      <c r="AD120" s="110"/>
      <c r="AE120" s="110"/>
      <c r="AF120" s="110"/>
      <c r="AG120" s="110"/>
      <c r="AH120" s="110"/>
      <c r="AI120" s="110"/>
      <c r="AJ120" s="110"/>
      <c r="AK120" s="111"/>
      <c r="AL120" s="111"/>
      <c r="AM120" s="112"/>
    </row>
    <row r="121" spans="1:39" s="59" customFormat="1" ht="9.75" customHeight="1">
      <c r="A121" s="248" t="s">
        <v>19</v>
      </c>
      <c r="B121" s="249"/>
      <c r="C121" s="250"/>
      <c r="D121" s="250"/>
      <c r="E121" s="250"/>
      <c r="F121" s="236"/>
      <c r="G121" s="52"/>
      <c r="H121" s="53" t="s">
        <v>492</v>
      </c>
      <c r="I121" s="52" t="s">
        <v>23</v>
      </c>
      <c r="J121" s="53" t="s">
        <v>493</v>
      </c>
      <c r="K121" s="54" t="s">
        <v>22</v>
      </c>
      <c r="L121" s="54" t="s">
        <v>494</v>
      </c>
      <c r="M121" s="55"/>
      <c r="N121" s="55"/>
      <c r="O121" s="56"/>
      <c r="P121" s="52"/>
      <c r="Q121" s="53"/>
      <c r="R121" s="52" t="s">
        <v>495</v>
      </c>
      <c r="S121" s="57"/>
      <c r="T121" s="58" t="s">
        <v>496</v>
      </c>
      <c r="U121" s="53" t="s">
        <v>497</v>
      </c>
      <c r="V121" s="52"/>
      <c r="W121" s="53" t="s">
        <v>498</v>
      </c>
      <c r="X121" s="60"/>
      <c r="Y121" s="60"/>
      <c r="Z121" s="60"/>
      <c r="AA121" s="60"/>
      <c r="AB121" s="61"/>
      <c r="AC121" s="61"/>
      <c r="AD121" s="61"/>
      <c r="AE121" s="61"/>
      <c r="AF121" s="61"/>
      <c r="AG121" s="61"/>
      <c r="AH121" s="61"/>
      <c r="AI121" s="61"/>
      <c r="AJ121" s="61"/>
      <c r="AK121" s="62"/>
      <c r="AL121" s="62"/>
      <c r="AM121" s="63"/>
    </row>
    <row r="122" spans="1:39" s="59" customFormat="1" ht="9.75" customHeight="1">
      <c r="A122" s="77"/>
      <c r="B122" s="116"/>
      <c r="C122" s="116"/>
      <c r="D122" s="116"/>
      <c r="E122" s="116"/>
      <c r="F122" s="116"/>
      <c r="G122" s="79"/>
      <c r="H122" s="80"/>
      <c r="I122" s="79"/>
      <c r="J122" s="80"/>
      <c r="K122" s="81"/>
      <c r="L122" s="81"/>
      <c r="M122" s="82"/>
      <c r="N122" s="82"/>
      <c r="O122" s="78"/>
      <c r="P122" s="79"/>
      <c r="Q122" s="80"/>
      <c r="R122" s="79"/>
      <c r="S122" s="83"/>
      <c r="T122" s="84"/>
      <c r="U122" s="80"/>
      <c r="V122" s="79"/>
      <c r="W122" s="80"/>
      <c r="X122" s="117"/>
      <c r="Y122" s="117"/>
      <c r="Z122" s="117"/>
      <c r="AA122" s="117"/>
      <c r="AB122" s="118"/>
      <c r="AC122" s="118"/>
      <c r="AD122" s="118"/>
      <c r="AE122" s="118"/>
      <c r="AF122" s="118"/>
      <c r="AG122" s="118"/>
      <c r="AH122" s="118"/>
      <c r="AI122" s="118"/>
      <c r="AJ122" s="118"/>
      <c r="AK122" s="119"/>
      <c r="AL122" s="119"/>
      <c r="AM122" s="120"/>
    </row>
    <row r="123" spans="1:39" ht="9.75" customHeight="1">
      <c r="A123" s="134"/>
      <c r="B123" s="135"/>
      <c r="C123" s="135"/>
      <c r="D123" s="135"/>
      <c r="E123" s="135"/>
      <c r="F123" s="135"/>
      <c r="G123" s="135"/>
      <c r="H123" s="135"/>
      <c r="I123" s="135"/>
      <c r="J123" s="135"/>
      <c r="K123" s="135"/>
      <c r="L123" s="135"/>
      <c r="M123" s="135"/>
      <c r="N123" s="135"/>
      <c r="O123" s="135"/>
      <c r="P123" s="135"/>
      <c r="Q123" s="135"/>
      <c r="R123" s="135"/>
      <c r="S123" s="135"/>
      <c r="T123" s="135"/>
      <c r="U123" s="135"/>
      <c r="V123" s="135"/>
      <c r="W123" s="135"/>
      <c r="X123" s="136"/>
      <c r="Y123" s="136"/>
      <c r="Z123" s="136"/>
      <c r="AA123" s="136"/>
      <c r="AB123" s="136"/>
      <c r="AC123" s="136"/>
      <c r="AD123" s="136"/>
      <c r="AE123" s="136"/>
      <c r="AF123" s="136"/>
      <c r="AG123" s="136"/>
      <c r="AH123" s="136"/>
      <c r="AI123" s="136"/>
      <c r="AJ123" s="136"/>
      <c r="AK123" s="136"/>
      <c r="AL123" s="136"/>
      <c r="AM123" s="137"/>
    </row>
    <row r="124" spans="1:39" ht="9.75" customHeight="1">
      <c r="A124" s="138"/>
      <c r="B124" s="139"/>
      <c r="C124" s="139"/>
      <c r="D124" s="139"/>
      <c r="E124" s="139"/>
      <c r="F124" s="139"/>
      <c r="G124" s="139"/>
      <c r="H124" s="139"/>
      <c r="I124" s="139"/>
      <c r="J124" s="139"/>
      <c r="K124" s="139"/>
      <c r="L124" s="139"/>
      <c r="M124" s="139"/>
      <c r="N124" s="139"/>
      <c r="O124" s="139"/>
      <c r="P124" s="139"/>
      <c r="Q124" s="139"/>
      <c r="R124" s="139"/>
      <c r="S124" s="139"/>
      <c r="T124" s="139"/>
      <c r="U124" s="139"/>
      <c r="V124" s="139"/>
      <c r="W124" s="139"/>
      <c r="X124" s="139"/>
      <c r="Y124" s="139"/>
      <c r="Z124" s="139"/>
      <c r="AA124" s="139"/>
      <c r="AB124" s="139"/>
      <c r="AC124" s="139"/>
      <c r="AD124" s="139"/>
      <c r="AE124" s="139"/>
      <c r="AF124" s="139"/>
      <c r="AG124" s="139"/>
      <c r="AH124" s="139"/>
      <c r="AI124" s="139"/>
      <c r="AJ124" s="139"/>
      <c r="AK124" s="139"/>
      <c r="AL124" s="139"/>
      <c r="AM124" s="140"/>
    </row>
    <row r="125" spans="1:39" ht="9.75" customHeight="1">
      <c r="A125" s="138"/>
      <c r="B125" s="139"/>
      <c r="C125" s="139"/>
      <c r="D125" s="139"/>
      <c r="E125" s="139"/>
      <c r="F125" s="139"/>
      <c r="G125" s="139"/>
      <c r="H125" s="139"/>
      <c r="I125" s="139"/>
      <c r="J125" s="139"/>
      <c r="K125" s="139"/>
      <c r="L125" s="139"/>
      <c r="M125" s="139"/>
      <c r="N125" s="139"/>
      <c r="O125" s="139"/>
      <c r="P125" s="139"/>
      <c r="Q125" s="139"/>
      <c r="R125" s="139"/>
      <c r="S125" s="139"/>
      <c r="T125" s="139"/>
      <c r="U125" s="139"/>
      <c r="V125" s="139"/>
      <c r="W125" s="139"/>
      <c r="X125" s="139"/>
      <c r="Y125" s="139"/>
      <c r="Z125" s="139"/>
      <c r="AA125" s="139"/>
      <c r="AB125" s="139"/>
      <c r="AC125" s="139"/>
      <c r="AD125" s="139"/>
      <c r="AE125" s="139"/>
      <c r="AF125" s="139"/>
      <c r="AG125" s="139"/>
      <c r="AH125" s="139"/>
      <c r="AI125" s="139"/>
      <c r="AJ125" s="139"/>
      <c r="AK125" s="139"/>
      <c r="AL125" s="139"/>
      <c r="AM125" s="140"/>
    </row>
    <row r="126" spans="1:39" ht="9.75" customHeight="1">
      <c r="A126" s="138"/>
      <c r="B126" s="139"/>
      <c r="C126" s="139"/>
      <c r="D126" s="139"/>
      <c r="E126" s="139"/>
      <c r="F126" s="139"/>
      <c r="G126" s="139"/>
      <c r="H126" s="139"/>
      <c r="I126" s="139"/>
      <c r="J126" s="139"/>
      <c r="K126" s="139"/>
      <c r="L126" s="139"/>
      <c r="M126" s="139"/>
      <c r="N126" s="139"/>
      <c r="O126" s="139"/>
      <c r="P126" s="139"/>
      <c r="Q126" s="139"/>
      <c r="R126" s="139"/>
      <c r="S126" s="139"/>
      <c r="T126" s="139"/>
      <c r="U126" s="139"/>
      <c r="V126" s="139"/>
      <c r="W126" s="139"/>
      <c r="X126" s="139"/>
      <c r="Y126" s="139"/>
      <c r="Z126" s="139"/>
      <c r="AA126" s="139"/>
      <c r="AB126" s="139"/>
      <c r="AC126" s="139"/>
      <c r="AD126" s="139"/>
      <c r="AE126" s="139"/>
      <c r="AF126" s="139"/>
      <c r="AG126" s="139"/>
      <c r="AH126" s="139"/>
      <c r="AI126" s="139"/>
      <c r="AJ126" s="139"/>
      <c r="AK126" s="139"/>
      <c r="AL126" s="139"/>
      <c r="AM126" s="140"/>
    </row>
    <row r="127" spans="1:39" ht="9.75" customHeight="1">
      <c r="A127" s="138"/>
      <c r="B127" s="139"/>
      <c r="C127" s="139"/>
      <c r="D127" s="139"/>
      <c r="E127" s="139"/>
      <c r="F127" s="139"/>
      <c r="G127" s="139"/>
      <c r="H127" s="139"/>
      <c r="I127" s="139"/>
      <c r="J127" s="139"/>
      <c r="K127" s="139"/>
      <c r="L127" s="139"/>
      <c r="M127" s="139"/>
      <c r="N127" s="139"/>
      <c r="O127" s="139"/>
      <c r="P127" s="139"/>
      <c r="Q127" s="139"/>
      <c r="R127" s="139"/>
      <c r="S127" s="139"/>
      <c r="T127" s="139"/>
      <c r="U127" s="139"/>
      <c r="V127" s="139"/>
      <c r="W127" s="139"/>
      <c r="X127" s="139"/>
      <c r="Y127" s="139"/>
      <c r="Z127" s="139"/>
      <c r="AA127" s="139"/>
      <c r="AB127" s="139"/>
      <c r="AC127" s="139"/>
      <c r="AD127" s="139"/>
      <c r="AE127" s="139"/>
      <c r="AF127" s="139"/>
      <c r="AG127" s="139"/>
      <c r="AH127" s="139"/>
      <c r="AI127" s="139"/>
      <c r="AJ127" s="139"/>
      <c r="AK127" s="139"/>
      <c r="AL127" s="139"/>
      <c r="AM127" s="140"/>
    </row>
    <row r="128" spans="1:39" ht="9.75" customHeight="1">
      <c r="A128" s="138"/>
      <c r="B128" s="139"/>
      <c r="C128" s="139"/>
      <c r="D128" s="139"/>
      <c r="E128" s="139"/>
      <c r="F128" s="139"/>
      <c r="G128" s="139"/>
      <c r="H128" s="139"/>
      <c r="I128" s="139"/>
      <c r="J128" s="139"/>
      <c r="K128" s="139"/>
      <c r="L128" s="139"/>
      <c r="M128" s="139"/>
      <c r="N128" s="139"/>
      <c r="O128" s="139"/>
      <c r="P128" s="139"/>
      <c r="Q128" s="139"/>
      <c r="R128" s="139"/>
      <c r="S128" s="139"/>
      <c r="T128" s="139"/>
      <c r="U128" s="139"/>
      <c r="V128" s="139"/>
      <c r="W128" s="139"/>
      <c r="X128" s="139"/>
      <c r="Y128" s="139"/>
      <c r="Z128" s="139"/>
      <c r="AA128" s="139"/>
      <c r="AB128" s="139"/>
      <c r="AC128" s="139"/>
      <c r="AD128" s="139"/>
      <c r="AE128" s="139"/>
      <c r="AF128" s="139"/>
      <c r="AG128" s="139"/>
      <c r="AH128" s="139"/>
      <c r="AI128" s="139"/>
      <c r="AJ128" s="139"/>
      <c r="AK128" s="139"/>
      <c r="AL128" s="139"/>
      <c r="AM128" s="140"/>
    </row>
    <row r="129" spans="1:39" ht="9.75" customHeight="1">
      <c r="A129" s="138"/>
      <c r="B129" s="139"/>
      <c r="C129" s="139"/>
      <c r="D129" s="139"/>
      <c r="E129" s="139"/>
      <c r="F129" s="139"/>
      <c r="G129" s="139"/>
      <c r="H129" s="139"/>
      <c r="I129" s="139"/>
      <c r="J129" s="139"/>
      <c r="K129" s="139"/>
      <c r="L129" s="139"/>
      <c r="M129" s="139"/>
      <c r="N129" s="139"/>
      <c r="O129" s="139"/>
      <c r="P129" s="139"/>
      <c r="Q129" s="139"/>
      <c r="R129" s="139"/>
      <c r="S129" s="139"/>
      <c r="T129" s="139"/>
      <c r="U129" s="139"/>
      <c r="V129" s="139"/>
      <c r="W129" s="139"/>
      <c r="X129" s="139"/>
      <c r="Y129" s="139"/>
      <c r="Z129" s="139"/>
      <c r="AA129" s="139"/>
      <c r="AB129" s="139"/>
      <c r="AC129" s="139"/>
      <c r="AD129" s="139"/>
      <c r="AE129" s="139"/>
      <c r="AF129" s="139"/>
      <c r="AG129" s="139"/>
      <c r="AH129" s="139"/>
      <c r="AI129" s="139"/>
      <c r="AJ129" s="139"/>
      <c r="AK129" s="139"/>
      <c r="AL129" s="139"/>
      <c r="AM129" s="140"/>
    </row>
    <row r="130" spans="1:39" ht="9.75" customHeight="1">
      <c r="A130" s="138"/>
      <c r="B130" s="139"/>
      <c r="C130" s="139"/>
      <c r="D130" s="139"/>
      <c r="E130" s="139"/>
      <c r="F130" s="139"/>
      <c r="G130" s="139"/>
      <c r="H130" s="139"/>
      <c r="I130" s="139"/>
      <c r="J130" s="139"/>
      <c r="K130" s="139"/>
      <c r="L130" s="139"/>
      <c r="M130" s="139"/>
      <c r="N130" s="139"/>
      <c r="O130" s="139"/>
      <c r="P130" s="139"/>
      <c r="Q130" s="139"/>
      <c r="R130" s="139"/>
      <c r="S130" s="139"/>
      <c r="T130" s="139"/>
      <c r="U130" s="139"/>
      <c r="V130" s="139"/>
      <c r="W130" s="139"/>
      <c r="X130" s="139"/>
      <c r="Y130" s="139"/>
      <c r="Z130" s="139"/>
      <c r="AA130" s="139"/>
      <c r="AB130" s="139"/>
      <c r="AC130" s="139"/>
      <c r="AD130" s="139"/>
      <c r="AE130" s="139"/>
      <c r="AF130" s="139"/>
      <c r="AG130" s="139"/>
      <c r="AH130" s="139"/>
      <c r="AI130" s="139"/>
      <c r="AJ130" s="139"/>
      <c r="AK130" s="139"/>
      <c r="AL130" s="139"/>
      <c r="AM130" s="140"/>
    </row>
    <row r="131" spans="1:39" ht="9.75" customHeight="1">
      <c r="A131" s="138"/>
      <c r="B131" s="139"/>
      <c r="C131" s="139"/>
      <c r="D131" s="139"/>
      <c r="E131" s="139"/>
      <c r="F131" s="139"/>
      <c r="G131" s="139"/>
      <c r="H131" s="139"/>
      <c r="I131" s="139"/>
      <c r="J131" s="139"/>
      <c r="K131" s="139"/>
      <c r="L131" s="139"/>
      <c r="M131" s="139"/>
      <c r="N131" s="139"/>
      <c r="O131" s="139"/>
      <c r="P131" s="139"/>
      <c r="Q131" s="139"/>
      <c r="R131" s="139"/>
      <c r="S131" s="139"/>
      <c r="T131" s="139"/>
      <c r="U131" s="139"/>
      <c r="V131" s="139"/>
      <c r="W131" s="139"/>
      <c r="X131" s="139"/>
      <c r="Y131" s="139"/>
      <c r="Z131" s="139"/>
      <c r="AA131" s="139"/>
      <c r="AB131" s="139"/>
      <c r="AC131" s="139"/>
      <c r="AD131" s="139"/>
      <c r="AE131" s="139"/>
      <c r="AF131" s="139"/>
      <c r="AG131" s="139"/>
      <c r="AH131" s="139"/>
      <c r="AI131" s="139"/>
      <c r="AJ131" s="139"/>
      <c r="AK131" s="139"/>
      <c r="AL131" s="139"/>
      <c r="AM131" s="140"/>
    </row>
    <row r="132" spans="1:39" ht="9.75" customHeight="1">
      <c r="A132" s="138"/>
      <c r="B132" s="139"/>
      <c r="C132" s="139"/>
      <c r="D132" s="139"/>
      <c r="E132" s="139"/>
      <c r="F132" s="139"/>
      <c r="G132" s="139"/>
      <c r="H132" s="139"/>
      <c r="I132" s="139"/>
      <c r="J132" s="139"/>
      <c r="K132" s="139"/>
      <c r="L132" s="139"/>
      <c r="M132" s="139"/>
      <c r="N132" s="139"/>
      <c r="O132" s="139"/>
      <c r="P132" s="139"/>
      <c r="Q132" s="139"/>
      <c r="R132" s="139"/>
      <c r="S132" s="139"/>
      <c r="T132" s="139"/>
      <c r="U132" s="139"/>
      <c r="V132" s="139"/>
      <c r="W132" s="139"/>
      <c r="X132" s="139"/>
      <c r="Y132" s="139"/>
      <c r="Z132" s="139"/>
      <c r="AA132" s="139"/>
      <c r="AB132" s="139"/>
      <c r="AC132" s="139"/>
      <c r="AD132" s="139"/>
      <c r="AE132" s="139"/>
      <c r="AF132" s="139"/>
      <c r="AG132" s="139"/>
      <c r="AH132" s="139"/>
      <c r="AI132" s="139"/>
      <c r="AJ132" s="139"/>
      <c r="AK132" s="139"/>
      <c r="AL132" s="139"/>
      <c r="AM132" s="140"/>
    </row>
    <row r="133" spans="1:39" ht="9.75" customHeight="1">
      <c r="A133" s="138"/>
      <c r="B133" s="139"/>
      <c r="C133" s="139"/>
      <c r="D133" s="139"/>
      <c r="E133" s="139"/>
      <c r="F133" s="139"/>
      <c r="G133" s="139"/>
      <c r="H133" s="139"/>
      <c r="I133" s="139"/>
      <c r="J133" s="139"/>
      <c r="K133" s="139"/>
      <c r="L133" s="139"/>
      <c r="M133" s="139"/>
      <c r="N133" s="139"/>
      <c r="O133" s="139"/>
      <c r="P133" s="139"/>
      <c r="Q133" s="139"/>
      <c r="R133" s="139"/>
      <c r="S133" s="139"/>
      <c r="T133" s="139"/>
      <c r="U133" s="139"/>
      <c r="V133" s="139"/>
      <c r="W133" s="139"/>
      <c r="X133" s="139"/>
      <c r="Y133" s="139"/>
      <c r="Z133" s="139"/>
      <c r="AA133" s="139"/>
      <c r="AB133" s="139"/>
      <c r="AC133" s="139"/>
      <c r="AD133" s="139"/>
      <c r="AE133" s="139"/>
      <c r="AF133" s="139"/>
      <c r="AG133" s="139"/>
      <c r="AH133" s="139"/>
      <c r="AI133" s="139"/>
      <c r="AJ133" s="139"/>
      <c r="AK133" s="139"/>
      <c r="AL133" s="139"/>
      <c r="AM133" s="140"/>
    </row>
    <row r="134" spans="1:39" ht="9.75" customHeight="1">
      <c r="A134" s="138"/>
      <c r="B134" s="139"/>
      <c r="C134" s="139"/>
      <c r="D134" s="139"/>
      <c r="E134" s="139"/>
      <c r="F134" s="139"/>
      <c r="G134" s="139"/>
      <c r="H134" s="139"/>
      <c r="I134" s="139"/>
      <c r="J134" s="139"/>
      <c r="K134" s="139"/>
      <c r="L134" s="139"/>
      <c r="M134" s="139"/>
      <c r="N134" s="139"/>
      <c r="O134" s="139"/>
      <c r="P134" s="139"/>
      <c r="Q134" s="139"/>
      <c r="R134" s="139"/>
      <c r="S134" s="139"/>
      <c r="T134" s="139"/>
      <c r="U134" s="139"/>
      <c r="V134" s="139"/>
      <c r="W134" s="139"/>
      <c r="X134" s="139"/>
      <c r="Y134" s="139"/>
      <c r="Z134" s="139"/>
      <c r="AA134" s="139"/>
      <c r="AB134" s="139"/>
      <c r="AC134" s="139"/>
      <c r="AD134" s="139"/>
      <c r="AE134" s="139"/>
      <c r="AF134" s="139"/>
      <c r="AG134" s="139"/>
      <c r="AH134" s="139"/>
      <c r="AI134" s="139"/>
      <c r="AJ134" s="139"/>
      <c r="AK134" s="139"/>
      <c r="AL134" s="139"/>
      <c r="AM134" s="140"/>
    </row>
    <row r="135" spans="1:39" ht="9.75" customHeight="1">
      <c r="A135" s="138"/>
      <c r="B135" s="139"/>
      <c r="C135" s="139"/>
      <c r="D135" s="139"/>
      <c r="E135" s="139"/>
      <c r="F135" s="139"/>
      <c r="G135" s="139"/>
      <c r="H135" s="139"/>
      <c r="I135" s="139"/>
      <c r="J135" s="139"/>
      <c r="K135" s="139"/>
      <c r="L135" s="139"/>
      <c r="M135" s="139"/>
      <c r="N135" s="139"/>
      <c r="O135" s="139"/>
      <c r="P135" s="139"/>
      <c r="Q135" s="139"/>
      <c r="R135" s="139"/>
      <c r="S135" s="139"/>
      <c r="T135" s="139"/>
      <c r="U135" s="139"/>
      <c r="V135" s="139"/>
      <c r="W135" s="139"/>
      <c r="X135" s="139"/>
      <c r="Y135" s="139"/>
      <c r="Z135" s="139"/>
      <c r="AA135" s="139"/>
      <c r="AB135" s="139"/>
      <c r="AC135" s="139"/>
      <c r="AD135" s="139"/>
      <c r="AE135" s="139"/>
      <c r="AF135" s="139"/>
      <c r="AG135" s="139"/>
      <c r="AH135" s="139"/>
      <c r="AI135" s="139"/>
      <c r="AJ135" s="139"/>
      <c r="AK135" s="139"/>
      <c r="AL135" s="139"/>
      <c r="AM135" s="140"/>
    </row>
    <row r="136" spans="1:39" ht="9.75" customHeight="1">
      <c r="A136" s="138"/>
      <c r="B136" s="139"/>
      <c r="C136" s="139"/>
      <c r="D136" s="139"/>
      <c r="E136" s="139"/>
      <c r="F136" s="139"/>
      <c r="G136" s="139"/>
      <c r="H136" s="139"/>
      <c r="I136" s="139"/>
      <c r="J136" s="139"/>
      <c r="K136" s="139"/>
      <c r="L136" s="139"/>
      <c r="M136" s="139"/>
      <c r="N136" s="139"/>
      <c r="O136" s="139"/>
      <c r="P136" s="139"/>
      <c r="Q136" s="139"/>
      <c r="R136" s="139"/>
      <c r="S136" s="139"/>
      <c r="T136" s="139"/>
      <c r="U136" s="139"/>
      <c r="V136" s="139"/>
      <c r="W136" s="139"/>
      <c r="X136" s="139"/>
      <c r="Y136" s="139"/>
      <c r="Z136" s="139"/>
      <c r="AA136" s="139"/>
      <c r="AB136" s="139"/>
      <c r="AC136" s="139"/>
      <c r="AD136" s="139"/>
      <c r="AE136" s="139"/>
      <c r="AF136" s="139"/>
      <c r="AG136" s="139"/>
      <c r="AH136" s="139"/>
      <c r="AI136" s="139"/>
      <c r="AJ136" s="139"/>
      <c r="AK136" s="139"/>
      <c r="AL136" s="139"/>
      <c r="AM136" s="140"/>
    </row>
    <row r="137" spans="1:39" ht="9.75" customHeight="1">
      <c r="A137" s="138"/>
      <c r="B137" s="139"/>
      <c r="C137" s="139"/>
      <c r="D137" s="139"/>
      <c r="E137" s="139"/>
      <c r="F137" s="139"/>
      <c r="G137" s="139"/>
      <c r="H137" s="139"/>
      <c r="I137" s="139"/>
      <c r="J137" s="139"/>
      <c r="K137" s="139"/>
      <c r="L137" s="139"/>
      <c r="M137" s="139"/>
      <c r="N137" s="139"/>
      <c r="O137" s="139"/>
      <c r="P137" s="139"/>
      <c r="Q137" s="139"/>
      <c r="R137" s="139"/>
      <c r="S137" s="139"/>
      <c r="T137" s="139"/>
      <c r="U137" s="139"/>
      <c r="V137" s="139"/>
      <c r="W137" s="139"/>
      <c r="X137" s="139"/>
      <c r="Y137" s="139"/>
      <c r="Z137" s="139"/>
      <c r="AA137" s="139"/>
      <c r="AB137" s="139"/>
      <c r="AC137" s="139"/>
      <c r="AD137" s="139"/>
      <c r="AE137" s="139"/>
      <c r="AF137" s="139"/>
      <c r="AG137" s="139"/>
      <c r="AH137" s="139"/>
      <c r="AI137" s="139"/>
      <c r="AJ137" s="139"/>
      <c r="AK137" s="139"/>
      <c r="AL137" s="139"/>
      <c r="AM137" s="140"/>
    </row>
    <row r="138" spans="1:39" ht="9.75" customHeight="1">
      <c r="A138" s="138"/>
      <c r="B138" s="139"/>
      <c r="C138" s="139"/>
      <c r="D138" s="139"/>
      <c r="E138" s="139"/>
      <c r="F138" s="139"/>
      <c r="G138" s="139"/>
      <c r="H138" s="139"/>
      <c r="I138" s="139"/>
      <c r="J138" s="139"/>
      <c r="K138" s="139"/>
      <c r="L138" s="139"/>
      <c r="M138" s="139"/>
      <c r="N138" s="139"/>
      <c r="O138" s="139"/>
      <c r="P138" s="139"/>
      <c r="Q138" s="139"/>
      <c r="R138" s="139"/>
      <c r="S138" s="139"/>
      <c r="T138" s="139"/>
      <c r="U138" s="139"/>
      <c r="V138" s="139"/>
      <c r="W138" s="139"/>
      <c r="X138" s="139"/>
      <c r="Y138" s="139"/>
      <c r="Z138" s="139"/>
      <c r="AA138" s="139"/>
      <c r="AB138" s="139"/>
      <c r="AC138" s="139"/>
      <c r="AD138" s="139"/>
      <c r="AE138" s="139"/>
      <c r="AF138" s="139"/>
      <c r="AG138" s="139"/>
      <c r="AH138" s="139"/>
      <c r="AI138" s="139"/>
      <c r="AJ138" s="139"/>
      <c r="AK138" s="139"/>
      <c r="AL138" s="139"/>
      <c r="AM138" s="140"/>
    </row>
    <row r="139" spans="1:39" ht="9.75" customHeight="1">
      <c r="A139" s="138"/>
      <c r="B139" s="139"/>
      <c r="C139" s="139"/>
      <c r="D139" s="139"/>
      <c r="E139" s="139"/>
      <c r="F139" s="139"/>
      <c r="G139" s="139"/>
      <c r="H139" s="139"/>
      <c r="I139" s="139"/>
      <c r="J139" s="139"/>
      <c r="K139" s="139"/>
      <c r="L139" s="139"/>
      <c r="M139" s="139"/>
      <c r="N139" s="139"/>
      <c r="O139" s="139"/>
      <c r="P139" s="139"/>
      <c r="Q139" s="139"/>
      <c r="R139" s="139"/>
      <c r="S139" s="139"/>
      <c r="T139" s="139"/>
      <c r="U139" s="139"/>
      <c r="V139" s="139"/>
      <c r="W139" s="139"/>
      <c r="X139" s="139"/>
      <c r="Y139" s="139"/>
      <c r="Z139" s="139"/>
      <c r="AA139" s="139"/>
      <c r="AB139" s="139"/>
      <c r="AC139" s="139"/>
      <c r="AD139" s="139"/>
      <c r="AE139" s="139"/>
      <c r="AF139" s="139"/>
      <c r="AG139" s="139"/>
      <c r="AH139" s="139"/>
      <c r="AI139" s="139"/>
      <c r="AJ139" s="139"/>
      <c r="AK139" s="139"/>
      <c r="AL139" s="139"/>
      <c r="AM139" s="140"/>
    </row>
    <row r="140" spans="1:39" ht="9.75" customHeight="1">
      <c r="A140" s="138"/>
      <c r="B140" s="139"/>
      <c r="C140" s="139"/>
      <c r="D140" s="139"/>
      <c r="E140" s="139"/>
      <c r="F140" s="139"/>
      <c r="G140" s="139"/>
      <c r="H140" s="139"/>
      <c r="I140" s="139"/>
      <c r="J140" s="139"/>
      <c r="K140" s="139"/>
      <c r="L140" s="139"/>
      <c r="M140" s="139"/>
      <c r="N140" s="139"/>
      <c r="O140" s="139"/>
      <c r="P140" s="139"/>
      <c r="Q140" s="139"/>
      <c r="R140" s="139"/>
      <c r="S140" s="139"/>
      <c r="T140" s="139"/>
      <c r="U140" s="139"/>
      <c r="V140" s="139"/>
      <c r="W140" s="139"/>
      <c r="X140" s="139"/>
      <c r="Y140" s="139"/>
      <c r="Z140" s="139"/>
      <c r="AA140" s="139"/>
      <c r="AB140" s="139"/>
      <c r="AC140" s="139"/>
      <c r="AD140" s="139"/>
      <c r="AE140" s="139"/>
      <c r="AF140" s="139"/>
      <c r="AG140" s="139"/>
      <c r="AH140" s="139"/>
      <c r="AI140" s="139"/>
      <c r="AJ140" s="139"/>
      <c r="AK140" s="139"/>
      <c r="AL140" s="139"/>
      <c r="AM140" s="140"/>
    </row>
    <row r="141" spans="1:39" ht="9.75" customHeight="1">
      <c r="A141" s="138"/>
      <c r="B141" s="139"/>
      <c r="C141" s="139"/>
      <c r="D141" s="139"/>
      <c r="E141" s="139"/>
      <c r="F141" s="139"/>
      <c r="G141" s="139"/>
      <c r="H141" s="139"/>
      <c r="I141" s="139"/>
      <c r="J141" s="139"/>
      <c r="K141" s="139"/>
      <c r="L141" s="139"/>
      <c r="M141" s="139"/>
      <c r="N141" s="139"/>
      <c r="O141" s="139"/>
      <c r="P141" s="139"/>
      <c r="Q141" s="139"/>
      <c r="R141" s="139"/>
      <c r="S141" s="139"/>
      <c r="T141" s="139"/>
      <c r="U141" s="139"/>
      <c r="V141" s="139"/>
      <c r="W141" s="139"/>
      <c r="X141" s="139"/>
      <c r="Y141" s="139"/>
      <c r="Z141" s="139"/>
      <c r="AA141" s="139"/>
      <c r="AB141" s="139"/>
      <c r="AC141" s="139"/>
      <c r="AD141" s="139"/>
      <c r="AE141" s="139"/>
      <c r="AF141" s="139"/>
      <c r="AG141" s="139"/>
      <c r="AH141" s="139"/>
      <c r="AI141" s="139"/>
      <c r="AJ141" s="139"/>
      <c r="AK141" s="139"/>
      <c r="AL141" s="139"/>
      <c r="AM141" s="140"/>
    </row>
    <row r="142" spans="1:39" ht="9.75" customHeight="1">
      <c r="A142" s="138"/>
      <c r="B142" s="139"/>
      <c r="C142" s="139"/>
      <c r="D142" s="139"/>
      <c r="E142" s="139"/>
      <c r="F142" s="139"/>
      <c r="G142" s="139"/>
      <c r="H142" s="139"/>
      <c r="I142" s="139"/>
      <c r="J142" s="139"/>
      <c r="K142" s="139"/>
      <c r="L142" s="139"/>
      <c r="M142" s="139"/>
      <c r="N142" s="139"/>
      <c r="O142" s="139"/>
      <c r="P142" s="139"/>
      <c r="Q142" s="139"/>
      <c r="R142" s="139"/>
      <c r="S142" s="139"/>
      <c r="T142" s="139"/>
      <c r="U142" s="139"/>
      <c r="V142" s="139"/>
      <c r="W142" s="139"/>
      <c r="X142" s="139"/>
      <c r="Y142" s="139"/>
      <c r="Z142" s="139"/>
      <c r="AA142" s="139"/>
      <c r="AB142" s="139"/>
      <c r="AC142" s="139"/>
      <c r="AD142" s="139"/>
      <c r="AE142" s="139"/>
      <c r="AF142" s="139"/>
      <c r="AG142" s="139"/>
      <c r="AH142" s="139"/>
      <c r="AI142" s="139"/>
      <c r="AJ142" s="139"/>
      <c r="AK142" s="139"/>
      <c r="AL142" s="139"/>
      <c r="AM142" s="140"/>
    </row>
    <row r="143" spans="1:39" ht="9.75" customHeight="1">
      <c r="A143" s="138"/>
      <c r="B143" s="139"/>
      <c r="C143" s="139"/>
      <c r="D143" s="139"/>
      <c r="E143" s="139"/>
      <c r="F143" s="139"/>
      <c r="G143" s="139"/>
      <c r="H143" s="139"/>
      <c r="I143" s="139"/>
      <c r="J143" s="139"/>
      <c r="K143" s="139"/>
      <c r="L143" s="139"/>
      <c r="M143" s="139"/>
      <c r="N143" s="139"/>
      <c r="O143" s="139"/>
      <c r="P143" s="139"/>
      <c r="Q143" s="139"/>
      <c r="R143" s="139"/>
      <c r="S143" s="139"/>
      <c r="T143" s="139"/>
      <c r="U143" s="139"/>
      <c r="V143" s="139"/>
      <c r="W143" s="139"/>
      <c r="X143" s="139"/>
      <c r="Y143" s="139"/>
      <c r="Z143" s="139"/>
      <c r="AA143" s="139"/>
      <c r="AB143" s="139"/>
      <c r="AC143" s="139"/>
      <c r="AD143" s="139"/>
      <c r="AE143" s="139"/>
      <c r="AF143" s="139"/>
      <c r="AG143" s="139"/>
      <c r="AH143" s="139"/>
      <c r="AI143" s="139"/>
      <c r="AJ143" s="139"/>
      <c r="AK143" s="139"/>
      <c r="AL143" s="139"/>
      <c r="AM143" s="140"/>
    </row>
    <row r="144" spans="1:39" ht="9.75" customHeight="1">
      <c r="A144" s="138"/>
      <c r="B144" s="139"/>
      <c r="C144" s="139"/>
      <c r="D144" s="139"/>
      <c r="E144" s="139"/>
      <c r="F144" s="139"/>
      <c r="G144" s="139"/>
      <c r="H144" s="139"/>
      <c r="I144" s="139"/>
      <c r="J144" s="139"/>
      <c r="K144" s="139"/>
      <c r="L144" s="139"/>
      <c r="M144" s="139"/>
      <c r="N144" s="139"/>
      <c r="O144" s="139"/>
      <c r="P144" s="139"/>
      <c r="Q144" s="139"/>
      <c r="R144" s="139"/>
      <c r="S144" s="139"/>
      <c r="T144" s="139"/>
      <c r="U144" s="139"/>
      <c r="V144" s="139"/>
      <c r="W144" s="139"/>
      <c r="X144" s="139"/>
      <c r="Y144" s="139"/>
      <c r="Z144" s="139"/>
      <c r="AA144" s="139"/>
      <c r="AB144" s="139"/>
      <c r="AC144" s="139"/>
      <c r="AD144" s="139"/>
      <c r="AE144" s="139"/>
      <c r="AF144" s="139"/>
      <c r="AG144" s="139"/>
      <c r="AH144" s="139"/>
      <c r="AI144" s="139"/>
      <c r="AJ144" s="139"/>
      <c r="AK144" s="139"/>
      <c r="AL144" s="139"/>
      <c r="AM144" s="140"/>
    </row>
    <row r="145" spans="1:39" ht="9.75" customHeight="1">
      <c r="A145" s="138"/>
      <c r="B145" s="139"/>
      <c r="C145" s="139"/>
      <c r="D145" s="139"/>
      <c r="E145" s="139"/>
      <c r="F145" s="139"/>
      <c r="G145" s="139"/>
      <c r="H145" s="139"/>
      <c r="I145" s="139"/>
      <c r="J145" s="139"/>
      <c r="K145" s="139"/>
      <c r="L145" s="139"/>
      <c r="M145" s="139"/>
      <c r="N145" s="139"/>
      <c r="O145" s="139"/>
      <c r="P145" s="139"/>
      <c r="Q145" s="139"/>
      <c r="R145" s="139"/>
      <c r="S145" s="139"/>
      <c r="T145" s="139"/>
      <c r="U145" s="139"/>
      <c r="V145" s="139"/>
      <c r="W145" s="139"/>
      <c r="X145" s="139"/>
      <c r="Y145" s="139"/>
      <c r="Z145" s="139"/>
      <c r="AA145" s="139"/>
      <c r="AB145" s="139"/>
      <c r="AC145" s="139"/>
      <c r="AD145" s="139"/>
      <c r="AE145" s="139"/>
      <c r="AF145" s="139"/>
      <c r="AG145" s="139"/>
      <c r="AH145" s="139"/>
      <c r="AI145" s="139"/>
      <c r="AJ145" s="139"/>
      <c r="AK145" s="139"/>
      <c r="AL145" s="139"/>
      <c r="AM145" s="140"/>
    </row>
    <row r="146" spans="1:39" ht="9.75" customHeight="1">
      <c r="A146" s="138"/>
      <c r="B146" s="139"/>
      <c r="C146" s="139"/>
      <c r="D146" s="139"/>
      <c r="E146" s="139"/>
      <c r="F146" s="139"/>
      <c r="G146" s="139"/>
      <c r="H146" s="139"/>
      <c r="I146" s="139"/>
      <c r="J146" s="139"/>
      <c r="K146" s="139"/>
      <c r="L146" s="139"/>
      <c r="M146" s="139"/>
      <c r="N146" s="139"/>
      <c r="O146" s="139"/>
      <c r="P146" s="139"/>
      <c r="Q146" s="139"/>
      <c r="R146" s="139"/>
      <c r="S146" s="139"/>
      <c r="T146" s="139"/>
      <c r="U146" s="139"/>
      <c r="V146" s="139"/>
      <c r="W146" s="139"/>
      <c r="X146" s="139"/>
      <c r="Y146" s="139"/>
      <c r="Z146" s="139"/>
      <c r="AA146" s="139"/>
      <c r="AB146" s="139"/>
      <c r="AC146" s="139"/>
      <c r="AD146" s="139"/>
      <c r="AE146" s="139"/>
      <c r="AF146" s="139"/>
      <c r="AG146" s="139"/>
      <c r="AH146" s="139"/>
      <c r="AI146" s="139"/>
      <c r="AJ146" s="139"/>
      <c r="AK146" s="139"/>
      <c r="AL146" s="139"/>
      <c r="AM146" s="140"/>
    </row>
    <row r="147" spans="1:39" ht="9.75" customHeight="1">
      <c r="A147" s="138"/>
      <c r="B147" s="139"/>
      <c r="C147" s="139"/>
      <c r="D147" s="139"/>
      <c r="E147" s="139"/>
      <c r="F147" s="139"/>
      <c r="G147" s="139"/>
      <c r="H147" s="139"/>
      <c r="I147" s="139"/>
      <c r="J147" s="139"/>
      <c r="K147" s="139"/>
      <c r="L147" s="139"/>
      <c r="M147" s="139"/>
      <c r="N147" s="139"/>
      <c r="O147" s="139"/>
      <c r="P147" s="139"/>
      <c r="Q147" s="139"/>
      <c r="R147" s="139"/>
      <c r="S147" s="139"/>
      <c r="T147" s="139"/>
      <c r="U147" s="139"/>
      <c r="V147" s="139"/>
      <c r="W147" s="139"/>
      <c r="X147" s="139"/>
      <c r="Y147" s="139"/>
      <c r="Z147" s="139"/>
      <c r="AA147" s="139"/>
      <c r="AB147" s="139"/>
      <c r="AC147" s="139"/>
      <c r="AD147" s="139"/>
      <c r="AE147" s="139"/>
      <c r="AF147" s="139"/>
      <c r="AG147" s="139"/>
      <c r="AH147" s="139"/>
      <c r="AI147" s="139"/>
      <c r="AJ147" s="139"/>
      <c r="AK147" s="139"/>
      <c r="AL147" s="139"/>
      <c r="AM147" s="140"/>
    </row>
    <row r="148" spans="1:39" ht="9.75" customHeight="1">
      <c r="A148" s="138"/>
      <c r="B148" s="139"/>
      <c r="C148" s="139"/>
      <c r="D148" s="139"/>
      <c r="E148" s="139"/>
      <c r="F148" s="139"/>
      <c r="G148" s="139"/>
      <c r="H148" s="139"/>
      <c r="I148" s="139"/>
      <c r="J148" s="139"/>
      <c r="K148" s="139"/>
      <c r="L148" s="139"/>
      <c r="M148" s="139"/>
      <c r="N148" s="139"/>
      <c r="O148" s="139"/>
      <c r="P148" s="139"/>
      <c r="Q148" s="139"/>
      <c r="R148" s="139"/>
      <c r="S148" s="139"/>
      <c r="T148" s="139"/>
      <c r="U148" s="139"/>
      <c r="V148" s="139"/>
      <c r="W148" s="139"/>
      <c r="X148" s="139"/>
      <c r="Y148" s="139"/>
      <c r="Z148" s="139"/>
      <c r="AA148" s="139"/>
      <c r="AB148" s="139"/>
      <c r="AC148" s="139"/>
      <c r="AD148" s="139"/>
      <c r="AE148" s="139"/>
      <c r="AF148" s="139"/>
      <c r="AG148" s="139"/>
      <c r="AH148" s="139"/>
      <c r="AI148" s="139"/>
      <c r="AJ148" s="139"/>
      <c r="AK148" s="139"/>
      <c r="AL148" s="139"/>
      <c r="AM148" s="140"/>
    </row>
    <row r="149" spans="1:39" ht="9.75" customHeight="1">
      <c r="A149" s="138"/>
      <c r="B149" s="139"/>
      <c r="C149" s="139"/>
      <c r="D149" s="139"/>
      <c r="E149" s="139"/>
      <c r="F149" s="139"/>
      <c r="G149" s="139"/>
      <c r="H149" s="139"/>
      <c r="I149" s="139"/>
      <c r="J149" s="139"/>
      <c r="K149" s="139"/>
      <c r="L149" s="139"/>
      <c r="M149" s="139"/>
      <c r="N149" s="139"/>
      <c r="O149" s="139"/>
      <c r="P149" s="139"/>
      <c r="Q149" s="139"/>
      <c r="R149" s="139"/>
      <c r="S149" s="139"/>
      <c r="T149" s="139"/>
      <c r="U149" s="139"/>
      <c r="V149" s="139"/>
      <c r="W149" s="139"/>
      <c r="X149" s="139"/>
      <c r="Y149" s="139"/>
      <c r="Z149" s="139"/>
      <c r="AA149" s="139"/>
      <c r="AB149" s="139"/>
      <c r="AC149" s="139"/>
      <c r="AD149" s="139"/>
      <c r="AE149" s="139"/>
      <c r="AF149" s="139"/>
      <c r="AG149" s="139"/>
      <c r="AH149" s="139"/>
      <c r="AI149" s="139"/>
      <c r="AJ149" s="139"/>
      <c r="AK149" s="139"/>
      <c r="AL149" s="139"/>
      <c r="AM149" s="140"/>
    </row>
    <row r="150" spans="1:39" ht="9.75" customHeight="1">
      <c r="A150" s="138"/>
      <c r="B150" s="139"/>
      <c r="C150" s="139"/>
      <c r="D150" s="139"/>
      <c r="E150" s="139"/>
      <c r="F150" s="139"/>
      <c r="G150" s="139"/>
      <c r="H150" s="139"/>
      <c r="I150" s="139"/>
      <c r="J150" s="139"/>
      <c r="K150" s="139"/>
      <c r="L150" s="139"/>
      <c r="M150" s="139"/>
      <c r="N150" s="139"/>
      <c r="O150" s="139"/>
      <c r="P150" s="139"/>
      <c r="Q150" s="139"/>
      <c r="R150" s="139"/>
      <c r="S150" s="139"/>
      <c r="T150" s="139"/>
      <c r="U150" s="139"/>
      <c r="V150" s="139"/>
      <c r="W150" s="139"/>
      <c r="X150" s="139"/>
      <c r="Y150" s="139"/>
      <c r="Z150" s="139"/>
      <c r="AA150" s="139"/>
      <c r="AB150" s="139"/>
      <c r="AC150" s="139"/>
      <c r="AD150" s="139"/>
      <c r="AE150" s="139"/>
      <c r="AF150" s="139"/>
      <c r="AG150" s="139"/>
      <c r="AH150" s="139"/>
      <c r="AI150" s="139"/>
      <c r="AJ150" s="139"/>
      <c r="AK150" s="139"/>
      <c r="AL150" s="139"/>
      <c r="AM150" s="140"/>
    </row>
    <row r="151" spans="1:39" ht="9.75" customHeight="1">
      <c r="A151" s="138"/>
      <c r="B151" s="139"/>
      <c r="C151" s="139"/>
      <c r="D151" s="139"/>
      <c r="E151" s="139"/>
      <c r="F151" s="139"/>
      <c r="G151" s="139"/>
      <c r="H151" s="139"/>
      <c r="I151" s="139"/>
      <c r="J151" s="139"/>
      <c r="K151" s="139"/>
      <c r="L151" s="139"/>
      <c r="M151" s="139"/>
      <c r="N151" s="139"/>
      <c r="O151" s="139"/>
      <c r="P151" s="139"/>
      <c r="Q151" s="139"/>
      <c r="R151" s="139"/>
      <c r="S151" s="139"/>
      <c r="T151" s="139"/>
      <c r="U151" s="139"/>
      <c r="V151" s="139"/>
      <c r="W151" s="139"/>
      <c r="X151" s="139"/>
      <c r="Y151" s="139"/>
      <c r="Z151" s="139"/>
      <c r="AA151" s="139"/>
      <c r="AB151" s="139"/>
      <c r="AC151" s="139"/>
      <c r="AD151" s="139"/>
      <c r="AE151" s="139"/>
      <c r="AF151" s="139"/>
      <c r="AG151" s="139"/>
      <c r="AH151" s="139"/>
      <c r="AI151" s="139"/>
      <c r="AJ151" s="139"/>
      <c r="AK151" s="139"/>
      <c r="AL151" s="139"/>
      <c r="AM151" s="140"/>
    </row>
    <row r="152" spans="1:39" ht="9.75" customHeight="1">
      <c r="A152" s="138"/>
      <c r="B152" s="139"/>
      <c r="C152" s="139"/>
      <c r="D152" s="139"/>
      <c r="E152" s="139"/>
      <c r="F152" s="139"/>
      <c r="G152" s="139"/>
      <c r="H152" s="139"/>
      <c r="I152" s="139"/>
      <c r="J152" s="139"/>
      <c r="K152" s="139"/>
      <c r="L152" s="139"/>
      <c r="M152" s="139"/>
      <c r="N152" s="139"/>
      <c r="O152" s="139"/>
      <c r="P152" s="139"/>
      <c r="Q152" s="139"/>
      <c r="R152" s="139"/>
      <c r="S152" s="139"/>
      <c r="T152" s="139"/>
      <c r="U152" s="139"/>
      <c r="V152" s="139"/>
      <c r="W152" s="139"/>
      <c r="X152" s="139"/>
      <c r="Y152" s="139"/>
      <c r="Z152" s="139"/>
      <c r="AA152" s="139"/>
      <c r="AB152" s="139"/>
      <c r="AC152" s="139"/>
      <c r="AD152" s="139"/>
      <c r="AE152" s="139"/>
      <c r="AF152" s="139"/>
      <c r="AG152" s="139"/>
      <c r="AH152" s="139"/>
      <c r="AI152" s="139"/>
      <c r="AJ152" s="139"/>
      <c r="AK152" s="139"/>
      <c r="AL152" s="139"/>
      <c r="AM152" s="140"/>
    </row>
    <row r="153" spans="1:39" ht="9.75" customHeight="1">
      <c r="A153" s="138"/>
      <c r="B153" s="139"/>
      <c r="C153" s="139"/>
      <c r="D153" s="139"/>
      <c r="E153" s="139"/>
      <c r="F153" s="139"/>
      <c r="G153" s="139"/>
      <c r="H153" s="139"/>
      <c r="I153" s="139"/>
      <c r="J153" s="139"/>
      <c r="K153" s="139"/>
      <c r="L153" s="139"/>
      <c r="M153" s="139"/>
      <c r="N153" s="139"/>
      <c r="O153" s="139"/>
      <c r="P153" s="139"/>
      <c r="Q153" s="139"/>
      <c r="R153" s="139"/>
      <c r="S153" s="139"/>
      <c r="T153" s="139"/>
      <c r="U153" s="139"/>
      <c r="V153" s="139"/>
      <c r="W153" s="139"/>
      <c r="X153" s="139"/>
      <c r="Y153" s="139"/>
      <c r="Z153" s="139"/>
      <c r="AA153" s="139"/>
      <c r="AB153" s="139"/>
      <c r="AC153" s="139"/>
      <c r="AD153" s="139"/>
      <c r="AE153" s="139"/>
      <c r="AF153" s="139"/>
      <c r="AG153" s="139"/>
      <c r="AH153" s="139"/>
      <c r="AI153" s="139"/>
      <c r="AJ153" s="139"/>
      <c r="AK153" s="139"/>
      <c r="AL153" s="139"/>
      <c r="AM153" s="140"/>
    </row>
    <row r="154" spans="1:39" ht="9.75" customHeight="1">
      <c r="A154" s="138"/>
      <c r="B154" s="139"/>
      <c r="C154" s="139"/>
      <c r="D154" s="139"/>
      <c r="E154" s="139"/>
      <c r="F154" s="139"/>
      <c r="G154" s="139"/>
      <c r="H154" s="139"/>
      <c r="I154" s="139"/>
      <c r="J154" s="139"/>
      <c r="K154" s="139"/>
      <c r="L154" s="139"/>
      <c r="M154" s="139"/>
      <c r="N154" s="139"/>
      <c r="O154" s="139"/>
      <c r="P154" s="139"/>
      <c r="Q154" s="139"/>
      <c r="R154" s="139"/>
      <c r="S154" s="139"/>
      <c r="T154" s="139"/>
      <c r="U154" s="139"/>
      <c r="V154" s="139"/>
      <c r="W154" s="139"/>
      <c r="X154" s="139"/>
      <c r="Y154" s="139"/>
      <c r="Z154" s="139"/>
      <c r="AA154" s="139"/>
      <c r="AB154" s="139"/>
      <c r="AC154" s="139"/>
      <c r="AD154" s="139"/>
      <c r="AE154" s="139"/>
      <c r="AF154" s="139"/>
      <c r="AG154" s="139"/>
      <c r="AH154" s="139"/>
      <c r="AI154" s="139"/>
      <c r="AJ154" s="139"/>
      <c r="AK154" s="139"/>
      <c r="AL154" s="139"/>
      <c r="AM154" s="140"/>
    </row>
    <row r="155" spans="1:39" ht="9.75" customHeight="1">
      <c r="A155" s="138"/>
      <c r="B155" s="139"/>
      <c r="C155" s="139"/>
      <c r="D155" s="139"/>
      <c r="E155" s="139"/>
      <c r="F155" s="139"/>
      <c r="G155" s="139"/>
      <c r="H155" s="139"/>
      <c r="I155" s="139"/>
      <c r="J155" s="139"/>
      <c r="K155" s="139"/>
      <c r="L155" s="139"/>
      <c r="M155" s="139"/>
      <c r="N155" s="139"/>
      <c r="O155" s="139"/>
      <c r="P155" s="139"/>
      <c r="Q155" s="139"/>
      <c r="R155" s="139"/>
      <c r="S155" s="139"/>
      <c r="T155" s="139"/>
      <c r="U155" s="139"/>
      <c r="V155" s="139"/>
      <c r="W155" s="139"/>
      <c r="X155" s="139"/>
      <c r="Y155" s="139"/>
      <c r="Z155" s="139"/>
      <c r="AA155" s="139"/>
      <c r="AB155" s="139"/>
      <c r="AC155" s="139"/>
      <c r="AD155" s="139"/>
      <c r="AE155" s="139"/>
      <c r="AF155" s="139"/>
      <c r="AG155" s="139"/>
      <c r="AH155" s="139"/>
      <c r="AI155" s="139"/>
      <c r="AJ155" s="139"/>
      <c r="AK155" s="139"/>
      <c r="AL155" s="139"/>
      <c r="AM155" s="140"/>
    </row>
    <row r="156" spans="1:39" ht="9.75" customHeight="1">
      <c r="A156" s="138"/>
      <c r="B156" s="139"/>
      <c r="C156" s="139"/>
      <c r="D156" s="139"/>
      <c r="E156" s="139"/>
      <c r="F156" s="139"/>
      <c r="G156" s="139"/>
      <c r="H156" s="139"/>
      <c r="I156" s="139"/>
      <c r="J156" s="139"/>
      <c r="K156" s="139"/>
      <c r="L156" s="139"/>
      <c r="M156" s="139"/>
      <c r="N156" s="139"/>
      <c r="O156" s="139"/>
      <c r="P156" s="139"/>
      <c r="Q156" s="139"/>
      <c r="R156" s="139"/>
      <c r="S156" s="139"/>
      <c r="T156" s="139"/>
      <c r="U156" s="139"/>
      <c r="V156" s="139"/>
      <c r="W156" s="139"/>
      <c r="X156" s="139"/>
      <c r="Y156" s="139"/>
      <c r="Z156" s="139"/>
      <c r="AA156" s="139"/>
      <c r="AB156" s="139"/>
      <c r="AC156" s="139"/>
      <c r="AD156" s="139"/>
      <c r="AE156" s="139"/>
      <c r="AF156" s="139"/>
      <c r="AG156" s="139"/>
      <c r="AH156" s="139"/>
      <c r="AI156" s="139"/>
      <c r="AJ156" s="139"/>
      <c r="AK156" s="139"/>
      <c r="AL156" s="139"/>
      <c r="AM156" s="140"/>
    </row>
    <row r="157" spans="1:39" ht="9.75" customHeight="1">
      <c r="A157" s="138"/>
      <c r="B157" s="139"/>
      <c r="C157" s="139"/>
      <c r="D157" s="139"/>
      <c r="E157" s="139"/>
      <c r="F157" s="139"/>
      <c r="G157" s="139"/>
      <c r="H157" s="139"/>
      <c r="I157" s="139"/>
      <c r="J157" s="139"/>
      <c r="K157" s="139"/>
      <c r="L157" s="139"/>
      <c r="M157" s="139"/>
      <c r="N157" s="139"/>
      <c r="O157" s="139"/>
      <c r="P157" s="139"/>
      <c r="Q157" s="139"/>
      <c r="R157" s="139"/>
      <c r="S157" s="139"/>
      <c r="T157" s="139"/>
      <c r="U157" s="139"/>
      <c r="V157" s="139"/>
      <c r="W157" s="139"/>
      <c r="X157" s="139"/>
      <c r="Y157" s="139"/>
      <c r="Z157" s="139"/>
      <c r="AA157" s="139"/>
      <c r="AB157" s="139"/>
      <c r="AC157" s="139"/>
      <c r="AD157" s="139"/>
      <c r="AE157" s="139"/>
      <c r="AF157" s="139"/>
      <c r="AG157" s="139"/>
      <c r="AH157" s="139"/>
      <c r="AI157" s="139"/>
      <c r="AJ157" s="139"/>
      <c r="AK157" s="139"/>
      <c r="AL157" s="139"/>
      <c r="AM157" s="140"/>
    </row>
    <row r="158" spans="1:39" ht="9.75" customHeight="1">
      <c r="A158" s="138"/>
      <c r="B158" s="139"/>
      <c r="C158" s="139"/>
      <c r="D158" s="139"/>
      <c r="E158" s="139"/>
      <c r="F158" s="139"/>
      <c r="G158" s="139"/>
      <c r="H158" s="139"/>
      <c r="I158" s="139"/>
      <c r="J158" s="139"/>
      <c r="K158" s="139"/>
      <c r="L158" s="139"/>
      <c r="M158" s="139"/>
      <c r="N158" s="139"/>
      <c r="O158" s="139"/>
      <c r="P158" s="139"/>
      <c r="Q158" s="139"/>
      <c r="R158" s="139"/>
      <c r="S158" s="139"/>
      <c r="T158" s="139"/>
      <c r="U158" s="139"/>
      <c r="V158" s="139"/>
      <c r="W158" s="139"/>
      <c r="X158" s="139"/>
      <c r="Y158" s="139"/>
      <c r="Z158" s="139"/>
      <c r="AA158" s="139"/>
      <c r="AB158" s="139"/>
      <c r="AC158" s="139"/>
      <c r="AD158" s="139"/>
      <c r="AE158" s="139"/>
      <c r="AF158" s="139"/>
      <c r="AG158" s="139"/>
      <c r="AH158" s="139"/>
      <c r="AI158" s="139"/>
      <c r="AJ158" s="139"/>
      <c r="AK158" s="139"/>
      <c r="AL158" s="139"/>
      <c r="AM158" s="140"/>
    </row>
    <row r="159" spans="1:39" ht="9.75" customHeight="1">
      <c r="A159" s="138"/>
      <c r="B159" s="139"/>
      <c r="C159" s="139"/>
      <c r="D159" s="139"/>
      <c r="E159" s="139"/>
      <c r="F159" s="139"/>
      <c r="G159" s="139"/>
      <c r="H159" s="139"/>
      <c r="I159" s="139"/>
      <c r="J159" s="139"/>
      <c r="K159" s="139"/>
      <c r="L159" s="139"/>
      <c r="M159" s="139"/>
      <c r="N159" s="139"/>
      <c r="O159" s="139"/>
      <c r="P159" s="139"/>
      <c r="Q159" s="139"/>
      <c r="R159" s="139"/>
      <c r="S159" s="139"/>
      <c r="T159" s="139"/>
      <c r="U159" s="139"/>
      <c r="V159" s="139"/>
      <c r="W159" s="139"/>
      <c r="X159" s="139"/>
      <c r="Y159" s="139"/>
      <c r="Z159" s="139"/>
      <c r="AA159" s="139"/>
      <c r="AB159" s="139"/>
      <c r="AC159" s="139"/>
      <c r="AD159" s="139"/>
      <c r="AE159" s="139"/>
      <c r="AF159" s="139"/>
      <c r="AG159" s="139"/>
      <c r="AH159" s="139"/>
      <c r="AI159" s="139"/>
      <c r="AJ159" s="139"/>
      <c r="AK159" s="139"/>
      <c r="AL159" s="139"/>
      <c r="AM159" s="140"/>
    </row>
    <row r="160" spans="1:39" ht="9.75" customHeight="1">
      <c r="A160" s="138"/>
      <c r="B160" s="139"/>
      <c r="C160" s="139"/>
      <c r="D160" s="139"/>
      <c r="E160" s="139"/>
      <c r="F160" s="139"/>
      <c r="G160" s="139"/>
      <c r="H160" s="139"/>
      <c r="I160" s="139"/>
      <c r="J160" s="139"/>
      <c r="K160" s="139"/>
      <c r="L160" s="139"/>
      <c r="M160" s="139"/>
      <c r="N160" s="139"/>
      <c r="O160" s="139"/>
      <c r="P160" s="139"/>
      <c r="Q160" s="139"/>
      <c r="R160" s="139"/>
      <c r="S160" s="139"/>
      <c r="T160" s="139"/>
      <c r="U160" s="139"/>
      <c r="V160" s="139"/>
      <c r="W160" s="139"/>
      <c r="X160" s="139"/>
      <c r="Y160" s="139"/>
      <c r="Z160" s="139"/>
      <c r="AA160" s="139"/>
      <c r="AB160" s="139"/>
      <c r="AC160" s="139"/>
      <c r="AD160" s="139"/>
      <c r="AE160" s="139"/>
      <c r="AF160" s="139"/>
      <c r="AG160" s="139"/>
      <c r="AH160" s="139"/>
      <c r="AI160" s="139"/>
      <c r="AJ160" s="139"/>
      <c r="AK160" s="139"/>
      <c r="AL160" s="139"/>
      <c r="AM160" s="140"/>
    </row>
    <row r="161" spans="1:39" ht="9.75" customHeight="1">
      <c r="A161" s="138"/>
      <c r="B161" s="139"/>
      <c r="C161" s="139"/>
      <c r="D161" s="139"/>
      <c r="E161" s="139"/>
      <c r="F161" s="139"/>
      <c r="G161" s="139"/>
      <c r="H161" s="139"/>
      <c r="I161" s="139"/>
      <c r="J161" s="139"/>
      <c r="K161" s="139"/>
      <c r="L161" s="139"/>
      <c r="M161" s="139"/>
      <c r="N161" s="139"/>
      <c r="O161" s="139"/>
      <c r="P161" s="139"/>
      <c r="Q161" s="139"/>
      <c r="R161" s="139"/>
      <c r="S161" s="139"/>
      <c r="T161" s="139"/>
      <c r="U161" s="139"/>
      <c r="V161" s="139"/>
      <c r="W161" s="139"/>
      <c r="X161" s="139"/>
      <c r="Y161" s="139"/>
      <c r="Z161" s="139"/>
      <c r="AA161" s="139"/>
      <c r="AB161" s="139"/>
      <c r="AC161" s="139"/>
      <c r="AD161" s="139"/>
      <c r="AE161" s="139"/>
      <c r="AF161" s="139"/>
      <c r="AG161" s="139"/>
      <c r="AH161" s="139"/>
      <c r="AI161" s="139"/>
      <c r="AJ161" s="139"/>
      <c r="AK161" s="139"/>
      <c r="AL161" s="139"/>
      <c r="AM161" s="140"/>
    </row>
    <row r="162" spans="1:39" ht="9.75" customHeight="1">
      <c r="A162" s="138"/>
      <c r="B162" s="139"/>
      <c r="C162" s="139"/>
      <c r="D162" s="139"/>
      <c r="E162" s="139"/>
      <c r="F162" s="139"/>
      <c r="G162" s="139"/>
      <c r="H162" s="139"/>
      <c r="I162" s="139"/>
      <c r="J162" s="139"/>
      <c r="K162" s="139"/>
      <c r="L162" s="139"/>
      <c r="M162" s="139"/>
      <c r="N162" s="139"/>
      <c r="O162" s="139"/>
      <c r="P162" s="139"/>
      <c r="Q162" s="139"/>
      <c r="R162" s="139"/>
      <c r="S162" s="139"/>
      <c r="T162" s="139"/>
      <c r="U162" s="139"/>
      <c r="V162" s="139"/>
      <c r="W162" s="139"/>
      <c r="X162" s="139"/>
      <c r="Y162" s="139"/>
      <c r="Z162" s="139"/>
      <c r="AA162" s="139"/>
      <c r="AB162" s="139"/>
      <c r="AC162" s="139"/>
      <c r="AD162" s="139"/>
      <c r="AE162" s="139"/>
      <c r="AF162" s="139"/>
      <c r="AG162" s="139"/>
      <c r="AH162" s="139"/>
      <c r="AI162" s="139"/>
      <c r="AJ162" s="139"/>
      <c r="AK162" s="139"/>
      <c r="AL162" s="139"/>
      <c r="AM162" s="140"/>
    </row>
    <row r="163" spans="1:39" ht="9.75" customHeight="1">
      <c r="A163" s="138"/>
      <c r="B163" s="139"/>
      <c r="C163" s="139"/>
      <c r="D163" s="139"/>
      <c r="E163" s="139"/>
      <c r="F163" s="139"/>
      <c r="G163" s="139"/>
      <c r="H163" s="139"/>
      <c r="I163" s="139"/>
      <c r="J163" s="139"/>
      <c r="K163" s="139"/>
      <c r="L163" s="139"/>
      <c r="M163" s="139"/>
      <c r="N163" s="139"/>
      <c r="O163" s="139"/>
      <c r="P163" s="139"/>
      <c r="Q163" s="139"/>
      <c r="R163" s="139"/>
      <c r="S163" s="139"/>
      <c r="T163" s="139"/>
      <c r="U163" s="139"/>
      <c r="V163" s="139"/>
      <c r="W163" s="139"/>
      <c r="X163" s="139"/>
      <c r="Y163" s="139"/>
      <c r="Z163" s="139"/>
      <c r="AA163" s="139"/>
      <c r="AB163" s="139"/>
      <c r="AC163" s="139"/>
      <c r="AD163" s="139"/>
      <c r="AE163" s="139"/>
      <c r="AF163" s="139"/>
      <c r="AG163" s="139"/>
      <c r="AH163" s="139"/>
      <c r="AI163" s="139"/>
      <c r="AJ163" s="139"/>
      <c r="AK163" s="139"/>
      <c r="AL163" s="139"/>
      <c r="AM163" s="140"/>
    </row>
    <row r="164" spans="1:39" ht="9.75" customHeight="1">
      <c r="A164" s="138"/>
      <c r="B164" s="139"/>
      <c r="C164" s="139"/>
      <c r="D164" s="139"/>
      <c r="E164" s="139"/>
      <c r="F164" s="139"/>
      <c r="G164" s="139"/>
      <c r="H164" s="139"/>
      <c r="I164" s="139"/>
      <c r="J164" s="139"/>
      <c r="K164" s="139"/>
      <c r="L164" s="139"/>
      <c r="M164" s="139"/>
      <c r="N164" s="139"/>
      <c r="O164" s="139"/>
      <c r="P164" s="139"/>
      <c r="Q164" s="139"/>
      <c r="R164" s="139"/>
      <c r="S164" s="139"/>
      <c r="T164" s="139"/>
      <c r="U164" s="139"/>
      <c r="V164" s="139"/>
      <c r="W164" s="139"/>
      <c r="X164" s="139"/>
      <c r="Y164" s="139"/>
      <c r="Z164" s="139"/>
      <c r="AA164" s="139"/>
      <c r="AB164" s="139"/>
      <c r="AC164" s="139"/>
      <c r="AD164" s="139"/>
      <c r="AE164" s="139"/>
      <c r="AF164" s="139"/>
      <c r="AG164" s="139"/>
      <c r="AH164" s="139"/>
      <c r="AI164" s="139"/>
      <c r="AJ164" s="139"/>
      <c r="AK164" s="139"/>
      <c r="AL164" s="139"/>
      <c r="AM164" s="140"/>
    </row>
    <row r="165" spans="1:39" ht="9.75" customHeight="1">
      <c r="A165" s="138"/>
      <c r="B165" s="139"/>
      <c r="C165" s="139"/>
      <c r="D165" s="139"/>
      <c r="E165" s="139"/>
      <c r="F165" s="139"/>
      <c r="G165" s="139"/>
      <c r="H165" s="139"/>
      <c r="I165" s="139"/>
      <c r="J165" s="139"/>
      <c r="K165" s="139"/>
      <c r="L165" s="139"/>
      <c r="M165" s="139"/>
      <c r="N165" s="139"/>
      <c r="O165" s="139"/>
      <c r="P165" s="139"/>
      <c r="Q165" s="139"/>
      <c r="R165" s="139"/>
      <c r="S165" s="139"/>
      <c r="T165" s="139"/>
      <c r="U165" s="139"/>
      <c r="V165" s="139"/>
      <c r="W165" s="139"/>
      <c r="X165" s="139"/>
      <c r="Y165" s="139"/>
      <c r="Z165" s="139"/>
      <c r="AA165" s="139"/>
      <c r="AB165" s="139"/>
      <c r="AC165" s="139"/>
      <c r="AD165" s="139"/>
      <c r="AE165" s="139"/>
      <c r="AF165" s="139"/>
      <c r="AG165" s="139"/>
      <c r="AH165" s="139"/>
      <c r="AI165" s="139"/>
      <c r="AJ165" s="139"/>
      <c r="AK165" s="139"/>
      <c r="AL165" s="139"/>
      <c r="AM165" s="140"/>
    </row>
    <row r="166" spans="1:39" ht="9.75" customHeight="1">
      <c r="A166" s="138"/>
      <c r="B166" s="139"/>
      <c r="C166" s="139"/>
      <c r="D166" s="139"/>
      <c r="E166" s="139"/>
      <c r="F166" s="139"/>
      <c r="G166" s="139"/>
      <c r="H166" s="139"/>
      <c r="I166" s="139"/>
      <c r="J166" s="139"/>
      <c r="K166" s="139"/>
      <c r="L166" s="139"/>
      <c r="M166" s="139"/>
      <c r="N166" s="139"/>
      <c r="O166" s="139"/>
      <c r="P166" s="139"/>
      <c r="Q166" s="139"/>
      <c r="R166" s="139"/>
      <c r="S166" s="139"/>
      <c r="T166" s="139"/>
      <c r="U166" s="139"/>
      <c r="V166" s="139"/>
      <c r="W166" s="139"/>
      <c r="X166" s="139"/>
      <c r="Y166" s="139"/>
      <c r="Z166" s="139"/>
      <c r="AA166" s="139"/>
      <c r="AB166" s="139"/>
      <c r="AC166" s="139"/>
      <c r="AD166" s="139"/>
      <c r="AE166" s="139"/>
      <c r="AF166" s="139"/>
      <c r="AG166" s="139"/>
      <c r="AH166" s="139"/>
      <c r="AI166" s="139"/>
      <c r="AJ166" s="139"/>
      <c r="AK166" s="139"/>
      <c r="AL166" s="139"/>
      <c r="AM166" s="140"/>
    </row>
    <row r="167" spans="1:39" ht="9.75" customHeight="1">
      <c r="A167" s="138"/>
      <c r="B167" s="139"/>
      <c r="C167" s="139"/>
      <c r="D167" s="139"/>
      <c r="E167" s="139"/>
      <c r="F167" s="139"/>
      <c r="G167" s="139"/>
      <c r="H167" s="139"/>
      <c r="I167" s="139"/>
      <c r="J167" s="139"/>
      <c r="K167" s="139"/>
      <c r="L167" s="139"/>
      <c r="M167" s="139"/>
      <c r="N167" s="139"/>
      <c r="O167" s="139"/>
      <c r="P167" s="139"/>
      <c r="Q167" s="139"/>
      <c r="R167" s="139"/>
      <c r="S167" s="139"/>
      <c r="T167" s="139"/>
      <c r="U167" s="139"/>
      <c r="V167" s="139"/>
      <c r="W167" s="139"/>
      <c r="X167" s="139"/>
      <c r="Y167" s="139"/>
      <c r="Z167" s="139"/>
      <c r="AA167" s="139"/>
      <c r="AB167" s="139"/>
      <c r="AC167" s="139"/>
      <c r="AD167" s="139"/>
      <c r="AE167" s="139"/>
      <c r="AF167" s="139"/>
      <c r="AG167" s="139"/>
      <c r="AH167" s="139"/>
      <c r="AI167" s="139"/>
      <c r="AJ167" s="139"/>
      <c r="AK167" s="139"/>
      <c r="AL167" s="139"/>
      <c r="AM167" s="140"/>
    </row>
    <row r="168" spans="1:39" ht="9.75" customHeight="1">
      <c r="A168" s="138"/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139"/>
      <c r="M168" s="139"/>
      <c r="N168" s="139"/>
      <c r="O168" s="139"/>
      <c r="P168" s="139"/>
      <c r="Q168" s="139"/>
      <c r="R168" s="139"/>
      <c r="S168" s="139"/>
      <c r="T168" s="139"/>
      <c r="U168" s="139"/>
      <c r="V168" s="139"/>
      <c r="W168" s="139"/>
      <c r="X168" s="139"/>
      <c r="Y168" s="139"/>
      <c r="Z168" s="139"/>
      <c r="AA168" s="139"/>
      <c r="AB168" s="139"/>
      <c r="AC168" s="139"/>
      <c r="AD168" s="139"/>
      <c r="AE168" s="139"/>
      <c r="AF168" s="139"/>
      <c r="AG168" s="139"/>
      <c r="AH168" s="139"/>
      <c r="AI168" s="139"/>
      <c r="AJ168" s="139"/>
      <c r="AK168" s="139"/>
      <c r="AL168" s="139"/>
      <c r="AM168" s="140"/>
    </row>
    <row r="169" spans="1:39" ht="9.75" customHeight="1">
      <c r="A169" s="138"/>
      <c r="B169" s="139"/>
      <c r="C169" s="139"/>
      <c r="D169" s="139"/>
      <c r="E169" s="139"/>
      <c r="F169" s="139"/>
      <c r="G169" s="139"/>
      <c r="H169" s="139"/>
      <c r="I169" s="139"/>
      <c r="J169" s="139"/>
      <c r="K169" s="139"/>
      <c r="L169" s="139"/>
      <c r="M169" s="139"/>
      <c r="N169" s="139"/>
      <c r="O169" s="139"/>
      <c r="P169" s="139"/>
      <c r="Q169" s="139"/>
      <c r="R169" s="139"/>
      <c r="S169" s="139"/>
      <c r="T169" s="139"/>
      <c r="U169" s="139"/>
      <c r="V169" s="139"/>
      <c r="W169" s="139"/>
      <c r="X169" s="139"/>
      <c r="Y169" s="139"/>
      <c r="Z169" s="139"/>
      <c r="AA169" s="139"/>
      <c r="AB169" s="139"/>
      <c r="AC169" s="139"/>
      <c r="AD169" s="139"/>
      <c r="AE169" s="139"/>
      <c r="AF169" s="139"/>
      <c r="AG169" s="139"/>
      <c r="AH169" s="139"/>
      <c r="AI169" s="139"/>
      <c r="AJ169" s="139"/>
      <c r="AK169" s="139"/>
      <c r="AL169" s="139"/>
      <c r="AM169" s="140"/>
    </row>
    <row r="170" spans="1:39" ht="9.75" customHeight="1">
      <c r="A170" s="138"/>
      <c r="B170" s="139"/>
      <c r="C170" s="139"/>
      <c r="D170" s="139"/>
      <c r="E170" s="139"/>
      <c r="F170" s="139"/>
      <c r="G170" s="139"/>
      <c r="H170" s="139"/>
      <c r="I170" s="139"/>
      <c r="J170" s="139"/>
      <c r="K170" s="139"/>
      <c r="L170" s="139"/>
      <c r="M170" s="139"/>
      <c r="N170" s="139"/>
      <c r="O170" s="139"/>
      <c r="P170" s="139"/>
      <c r="Q170" s="139"/>
      <c r="R170" s="139"/>
      <c r="S170" s="139"/>
      <c r="T170" s="139"/>
      <c r="U170" s="139"/>
      <c r="V170" s="139"/>
      <c r="W170" s="139"/>
      <c r="X170" s="139"/>
      <c r="Y170" s="139"/>
      <c r="Z170" s="139"/>
      <c r="AA170" s="139"/>
      <c r="AB170" s="139"/>
      <c r="AC170" s="139"/>
      <c r="AD170" s="139"/>
      <c r="AE170" s="139"/>
      <c r="AF170" s="139"/>
      <c r="AG170" s="139"/>
      <c r="AH170" s="139"/>
      <c r="AI170" s="139"/>
      <c r="AJ170" s="139"/>
      <c r="AK170" s="139"/>
      <c r="AL170" s="139"/>
      <c r="AM170" s="140"/>
    </row>
    <row r="171" spans="1:39" ht="9.75" customHeight="1">
      <c r="A171" s="138"/>
      <c r="B171" s="139"/>
      <c r="C171" s="139"/>
      <c r="D171" s="139"/>
      <c r="E171" s="139"/>
      <c r="F171" s="139"/>
      <c r="G171" s="139"/>
      <c r="H171" s="139"/>
      <c r="I171" s="139"/>
      <c r="J171" s="139"/>
      <c r="K171" s="139"/>
      <c r="L171" s="139"/>
      <c r="M171" s="139"/>
      <c r="N171" s="139"/>
      <c r="O171" s="139"/>
      <c r="P171" s="139"/>
      <c r="Q171" s="139"/>
      <c r="R171" s="139"/>
      <c r="S171" s="139"/>
      <c r="T171" s="139"/>
      <c r="U171" s="139"/>
      <c r="V171" s="139"/>
      <c r="W171" s="139"/>
      <c r="X171" s="139"/>
      <c r="Y171" s="139"/>
      <c r="Z171" s="139"/>
      <c r="AA171" s="139"/>
      <c r="AB171" s="139"/>
      <c r="AC171" s="139"/>
      <c r="AD171" s="139"/>
      <c r="AE171" s="139"/>
      <c r="AF171" s="139"/>
      <c r="AG171" s="139"/>
      <c r="AH171" s="139"/>
      <c r="AI171" s="139"/>
      <c r="AJ171" s="139"/>
      <c r="AK171" s="139"/>
      <c r="AL171" s="139"/>
      <c r="AM171" s="140"/>
    </row>
    <row r="172" spans="1:39" ht="9.75" customHeight="1">
      <c r="A172" s="141"/>
      <c r="B172" s="142"/>
      <c r="C172" s="142"/>
      <c r="D172" s="142"/>
      <c r="E172" s="142"/>
      <c r="F172" s="142"/>
      <c r="G172" s="142"/>
      <c r="H172" s="142"/>
      <c r="I172" s="142"/>
      <c r="J172" s="142"/>
      <c r="K172" s="142"/>
      <c r="L172" s="142"/>
      <c r="M172" s="142"/>
      <c r="N172" s="142"/>
      <c r="O172" s="142"/>
      <c r="P172" s="142"/>
      <c r="Q172" s="142"/>
      <c r="R172" s="142"/>
      <c r="S172" s="142"/>
      <c r="T172" s="142"/>
      <c r="U172" s="142"/>
      <c r="V172" s="142"/>
      <c r="W172" s="142"/>
      <c r="X172" s="142"/>
      <c r="Y172" s="142"/>
      <c r="Z172" s="142"/>
      <c r="AA172" s="142"/>
      <c r="AB172" s="142"/>
      <c r="AC172" s="142"/>
      <c r="AD172" s="142"/>
      <c r="AE172" s="142"/>
      <c r="AF172" s="142"/>
      <c r="AG172" s="142"/>
      <c r="AH172" s="142"/>
      <c r="AI172" s="142"/>
      <c r="AJ172" s="142"/>
      <c r="AK172" s="142"/>
      <c r="AL172" s="142"/>
      <c r="AM172" s="143"/>
    </row>
  </sheetData>
  <mergeCells count="101">
    <mergeCell ref="A121:F121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F99:F101"/>
    <mergeCell ref="E99:E101"/>
    <mergeCell ref="F102:F104"/>
    <mergeCell ref="E102:E104"/>
    <mergeCell ref="F108:F110"/>
    <mergeCell ref="E108:E110"/>
    <mergeCell ref="O105:O107"/>
    <mergeCell ref="N105:N107"/>
    <mergeCell ref="O111:O113"/>
    <mergeCell ref="N111:N113"/>
    <mergeCell ref="F114:F116"/>
    <mergeCell ref="E114:E116"/>
    <mergeCell ref="F117:F119"/>
    <mergeCell ref="E117:E119"/>
    <mergeCell ref="A11:A13"/>
    <mergeCell ref="D14:D16"/>
    <mergeCell ref="C14:C16"/>
    <mergeCell ref="D29:D31"/>
    <mergeCell ref="C29:C31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K6:K9"/>
    <mergeCell ref="L6:L9"/>
    <mergeCell ref="N6:Q6"/>
    <mergeCell ref="N7:O9"/>
    <mergeCell ref="P7:Q9"/>
    <mergeCell ref="F17:F19"/>
    <mergeCell ref="D83:D85"/>
    <mergeCell ref="C83:C85"/>
    <mergeCell ref="D38:D40"/>
    <mergeCell ref="C38:C40"/>
    <mergeCell ref="D47:D49"/>
    <mergeCell ref="C47:C49"/>
    <mergeCell ref="D56:D58"/>
    <mergeCell ref="C56:C58"/>
    <mergeCell ref="B11:B13"/>
    <mergeCell ref="E17:E19"/>
    <mergeCell ref="F23:F25"/>
    <mergeCell ref="E23:E25"/>
    <mergeCell ref="F32:F34"/>
    <mergeCell ref="E32:E34"/>
    <mergeCell ref="D71:D73"/>
    <mergeCell ref="C71:C73"/>
    <mergeCell ref="D77:D79"/>
    <mergeCell ref="C77:C79"/>
    <mergeCell ref="O62:O64"/>
    <mergeCell ref="N62:N64"/>
    <mergeCell ref="F65:F67"/>
    <mergeCell ref="E65:E67"/>
    <mergeCell ref="F74:F76"/>
    <mergeCell ref="E74:E76"/>
    <mergeCell ref="F80:F82"/>
    <mergeCell ref="E80:E82"/>
    <mergeCell ref="F41:F43"/>
    <mergeCell ref="E41:E43"/>
    <mergeCell ref="F50:F52"/>
    <mergeCell ref="E50:E52"/>
    <mergeCell ref="F59:F61"/>
    <mergeCell ref="E59:E61"/>
    <mergeCell ref="O68:O70"/>
    <mergeCell ref="N68:N70"/>
    <mergeCell ref="O20:O22"/>
    <mergeCell ref="N20:N22"/>
    <mergeCell ref="O26:O28"/>
    <mergeCell ref="N26:N28"/>
    <mergeCell ref="O35:O37"/>
    <mergeCell ref="N35:N37"/>
    <mergeCell ref="O44:O46"/>
    <mergeCell ref="N44:N46"/>
    <mergeCell ref="O53:O55"/>
    <mergeCell ref="N53:N55"/>
    <mergeCell ref="A90:L90"/>
    <mergeCell ref="N90:AM90"/>
    <mergeCell ref="A93:B97"/>
    <mergeCell ref="C93:D97"/>
    <mergeCell ref="E93:F97"/>
    <mergeCell ref="G93:Q93"/>
    <mergeCell ref="R93:R97"/>
    <mergeCell ref="S93:T97"/>
    <mergeCell ref="U93:U97"/>
  </mergeCells>
  <phoneticPr fontId="1"/>
  <pageMargins left="0.43307086614173229" right="0.39370078740157483" top="0.19685039370078741" bottom="0" header="0.19685039370078741" footer="0.19685039370078741"/>
  <pageSetup paperSize="9" firstPageNumber="296" pageOrder="overThenDown" orientation="portrait" useFirstPageNumber="1" r:id="rId1"/>
  <headerFooter>
    <oddFooter>&amp;C- &amp;P -</oddFooter>
  </headerFooter>
  <rowBreaks count="1" manualBreakCount="1">
    <brk id="88" max="16383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170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1393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1392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492</v>
      </c>
      <c r="I11" s="52" t="s">
        <v>23</v>
      </c>
      <c r="J11" s="53" t="s">
        <v>493</v>
      </c>
      <c r="K11" s="183" t="s">
        <v>22</v>
      </c>
      <c r="L11" s="52"/>
      <c r="M11" s="205" t="s">
        <v>22</v>
      </c>
      <c r="N11" s="54" t="s">
        <v>494</v>
      </c>
      <c r="O11" s="55"/>
      <c r="P11" s="228"/>
      <c r="Q11" s="294"/>
      <c r="R11" s="52"/>
      <c r="S11" s="55"/>
      <c r="T11" s="204" t="s">
        <v>1316</v>
      </c>
      <c r="U11" s="55"/>
      <c r="V11" s="53" t="s">
        <v>22</v>
      </c>
      <c r="W11" s="54" t="s">
        <v>22</v>
      </c>
      <c r="X11" s="54" t="s">
        <v>22</v>
      </c>
      <c r="Y11" s="54" t="s">
        <v>1315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1391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390</v>
      </c>
      <c r="I14" s="169" t="s">
        <v>23</v>
      </c>
      <c r="J14" s="44" t="s">
        <v>1389</v>
      </c>
      <c r="K14" s="192" t="s">
        <v>22</v>
      </c>
      <c r="L14" s="169"/>
      <c r="M14" s="191" t="s">
        <v>22</v>
      </c>
      <c r="N14" s="45" t="s">
        <v>1388</v>
      </c>
      <c r="O14" s="168"/>
      <c r="P14" s="168"/>
      <c r="Q14" s="170"/>
      <c r="R14" s="169"/>
      <c r="S14" s="168"/>
      <c r="T14" s="190" t="s">
        <v>1387</v>
      </c>
      <c r="U14" s="168"/>
      <c r="V14" s="44" t="s">
        <v>22</v>
      </c>
      <c r="W14" s="45" t="s">
        <v>22</v>
      </c>
      <c r="X14" s="45" t="s">
        <v>22</v>
      </c>
      <c r="Y14" s="45" t="s">
        <v>1386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1" t="s">
        <v>1385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1384</v>
      </c>
      <c r="I17" s="169" t="s">
        <v>23</v>
      </c>
      <c r="J17" s="44" t="s">
        <v>1383</v>
      </c>
      <c r="K17" s="192" t="s">
        <v>22</v>
      </c>
      <c r="L17" s="169"/>
      <c r="M17" s="191" t="s">
        <v>22</v>
      </c>
      <c r="N17" s="45" t="s">
        <v>1382</v>
      </c>
      <c r="O17" s="168"/>
      <c r="P17" s="168"/>
      <c r="Q17" s="170"/>
      <c r="R17" s="169"/>
      <c r="S17" s="168"/>
      <c r="T17" s="190" t="s">
        <v>1381</v>
      </c>
      <c r="U17" s="168"/>
      <c r="V17" s="44" t="s">
        <v>22</v>
      </c>
      <c r="W17" s="45" t="s">
        <v>22</v>
      </c>
      <c r="X17" s="45" t="s">
        <v>22</v>
      </c>
      <c r="Y17" s="45" t="s">
        <v>1380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21</v>
      </c>
      <c r="Q19" s="221" t="s">
        <v>938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1379</v>
      </c>
      <c r="T20" s="190" t="s">
        <v>1378</v>
      </c>
      <c r="U20" s="168"/>
      <c r="V20" s="44" t="s">
        <v>22</v>
      </c>
      <c r="W20" s="45" t="s">
        <v>22</v>
      </c>
      <c r="X20" s="45" t="s">
        <v>22</v>
      </c>
      <c r="Y20" s="45" t="s">
        <v>1377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4"/>
      <c r="C22" s="169"/>
      <c r="D22" s="194"/>
      <c r="E22" s="169"/>
      <c r="F22" s="41"/>
      <c r="G22" s="169"/>
      <c r="H22" s="44"/>
      <c r="I22" s="169"/>
      <c r="J22" s="44"/>
      <c r="K22" s="192"/>
      <c r="L22" s="169"/>
      <c r="M22" s="191"/>
      <c r="N22" s="45"/>
      <c r="O22" s="168"/>
      <c r="P22" s="227" t="s">
        <v>25</v>
      </c>
      <c r="Q22" s="221" t="s">
        <v>1259</v>
      </c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4"/>
      <c r="C23" s="169"/>
      <c r="D23" s="194"/>
      <c r="E23" s="169"/>
      <c r="F23" s="41"/>
      <c r="G23" s="169"/>
      <c r="H23" s="44"/>
      <c r="I23" s="169"/>
      <c r="J23" s="44"/>
      <c r="K23" s="192"/>
      <c r="L23" s="169"/>
      <c r="M23" s="191"/>
      <c r="N23" s="45"/>
      <c r="O23" s="168"/>
      <c r="P23" s="228"/>
      <c r="Q23" s="222"/>
      <c r="R23" s="169"/>
      <c r="S23" s="168" t="s">
        <v>1376</v>
      </c>
      <c r="T23" s="190" t="s">
        <v>1376</v>
      </c>
      <c r="U23" s="168"/>
      <c r="V23" s="44" t="s">
        <v>22</v>
      </c>
      <c r="W23" s="45" t="s">
        <v>22</v>
      </c>
      <c r="X23" s="45" t="s">
        <v>22</v>
      </c>
      <c r="Y23" s="45" t="s">
        <v>22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4"/>
      <c r="C24" s="169"/>
      <c r="D24" s="194"/>
      <c r="E24" s="169"/>
      <c r="F24" s="41"/>
      <c r="G24" s="169"/>
      <c r="H24" s="44"/>
      <c r="I24" s="169"/>
      <c r="J24" s="44"/>
      <c r="K24" s="192"/>
      <c r="L24" s="169"/>
      <c r="M24" s="191"/>
      <c r="N24" s="45"/>
      <c r="O24" s="168"/>
      <c r="P24" s="229"/>
      <c r="Q24" s="223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4"/>
      <c r="E25" s="169"/>
      <c r="F25" s="41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26</v>
      </c>
      <c r="Q25" s="221" t="s">
        <v>1257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4"/>
      <c r="E26" s="169"/>
      <c r="F26" s="41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1375</v>
      </c>
      <c r="T26" s="190" t="s">
        <v>1375</v>
      </c>
      <c r="U26" s="168"/>
      <c r="V26" s="44" t="s">
        <v>22</v>
      </c>
      <c r="W26" s="45" t="s">
        <v>22</v>
      </c>
      <c r="X26" s="45" t="s">
        <v>22</v>
      </c>
      <c r="Y26" s="45" t="s">
        <v>22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4"/>
      <c r="E27" s="169"/>
      <c r="F27" s="41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4"/>
      <c r="C28" s="169"/>
      <c r="D28" s="194"/>
      <c r="E28" s="169"/>
      <c r="F28" s="41"/>
      <c r="G28" s="169"/>
      <c r="H28" s="44"/>
      <c r="I28" s="169"/>
      <c r="J28" s="44"/>
      <c r="K28" s="192"/>
      <c r="L28" s="169"/>
      <c r="M28" s="191"/>
      <c r="N28" s="45"/>
      <c r="O28" s="168"/>
      <c r="P28" s="227" t="s">
        <v>31</v>
      </c>
      <c r="Q28" s="221" t="s">
        <v>900</v>
      </c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4"/>
      <c r="C29" s="169"/>
      <c r="D29" s="194"/>
      <c r="E29" s="169"/>
      <c r="F29" s="41"/>
      <c r="G29" s="169"/>
      <c r="H29" s="44"/>
      <c r="I29" s="169"/>
      <c r="J29" s="44"/>
      <c r="K29" s="192"/>
      <c r="L29" s="169"/>
      <c r="M29" s="191"/>
      <c r="N29" s="45"/>
      <c r="O29" s="168"/>
      <c r="P29" s="228"/>
      <c r="Q29" s="222"/>
      <c r="R29" s="169"/>
      <c r="S29" s="168" t="s">
        <v>1374</v>
      </c>
      <c r="T29" s="190" t="s">
        <v>1373</v>
      </c>
      <c r="U29" s="168"/>
      <c r="V29" s="44" t="s">
        <v>22</v>
      </c>
      <c r="W29" s="45" t="s">
        <v>22</v>
      </c>
      <c r="X29" s="45" t="s">
        <v>22</v>
      </c>
      <c r="Y29" s="45" t="s">
        <v>1372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4"/>
      <c r="C30" s="169"/>
      <c r="D30" s="194"/>
      <c r="E30" s="169"/>
      <c r="F30" s="41"/>
      <c r="G30" s="169"/>
      <c r="H30" s="44"/>
      <c r="I30" s="169"/>
      <c r="J30" s="44"/>
      <c r="K30" s="192"/>
      <c r="L30" s="169"/>
      <c r="M30" s="191"/>
      <c r="N30" s="45"/>
      <c r="O30" s="168"/>
      <c r="P30" s="229"/>
      <c r="Q30" s="223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4"/>
      <c r="E31" s="169"/>
      <c r="F31" s="41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5</v>
      </c>
      <c r="Q31" s="221" t="s">
        <v>788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4"/>
      <c r="E32" s="169"/>
      <c r="F32" s="41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1371</v>
      </c>
      <c r="T32" s="190" t="s">
        <v>1370</v>
      </c>
      <c r="U32" s="168"/>
      <c r="V32" s="44" t="s">
        <v>22</v>
      </c>
      <c r="W32" s="45" t="s">
        <v>22</v>
      </c>
      <c r="X32" s="45" t="s">
        <v>22</v>
      </c>
      <c r="Y32" s="45" t="s">
        <v>1369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4"/>
      <c r="E33" s="169"/>
      <c r="F33" s="41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41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37</v>
      </c>
      <c r="Q34" s="221" t="s">
        <v>786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41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1368</v>
      </c>
      <c r="T35" s="190" t="s">
        <v>1367</v>
      </c>
      <c r="U35" s="168"/>
      <c r="V35" s="44" t="s">
        <v>22</v>
      </c>
      <c r="W35" s="45" t="s">
        <v>22</v>
      </c>
      <c r="X35" s="45" t="s">
        <v>22</v>
      </c>
      <c r="Y35" s="45" t="s">
        <v>1366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41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39</v>
      </c>
      <c r="Q37" s="221" t="s">
        <v>704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1365</v>
      </c>
      <c r="T38" s="190" t="s">
        <v>1364</v>
      </c>
      <c r="U38" s="168"/>
      <c r="V38" s="44" t="s">
        <v>22</v>
      </c>
      <c r="W38" s="45" t="s">
        <v>22</v>
      </c>
      <c r="X38" s="45" t="s">
        <v>22</v>
      </c>
      <c r="Y38" s="45" t="s">
        <v>1363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40</v>
      </c>
      <c r="Q40" s="221" t="s">
        <v>700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1362</v>
      </c>
      <c r="T41" s="190" t="s">
        <v>1361</v>
      </c>
      <c r="U41" s="168"/>
      <c r="V41" s="44" t="s">
        <v>22</v>
      </c>
      <c r="W41" s="45" t="s">
        <v>22</v>
      </c>
      <c r="X41" s="45" t="s">
        <v>22</v>
      </c>
      <c r="Y41" s="45" t="s">
        <v>1360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4"/>
      <c r="E42" s="169"/>
      <c r="F42" s="41"/>
      <c r="G42" s="169"/>
      <c r="H42" s="44"/>
      <c r="I42" s="169"/>
      <c r="J42" s="44"/>
      <c r="K42" s="192"/>
      <c r="L42" s="169"/>
      <c r="M42" s="191"/>
      <c r="N42" s="45"/>
      <c r="O42" s="168"/>
      <c r="P42" s="229"/>
      <c r="Q42" s="223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4"/>
      <c r="C43" s="169"/>
      <c r="D43" s="194"/>
      <c r="E43" s="169"/>
      <c r="F43" s="41"/>
      <c r="G43" s="169"/>
      <c r="H43" s="44"/>
      <c r="I43" s="169"/>
      <c r="J43" s="44"/>
      <c r="K43" s="192"/>
      <c r="L43" s="169"/>
      <c r="M43" s="191"/>
      <c r="N43" s="45"/>
      <c r="O43" s="168"/>
      <c r="P43" s="227" t="s">
        <v>79</v>
      </c>
      <c r="Q43" s="221" t="s">
        <v>699</v>
      </c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4"/>
      <c r="C44" s="169"/>
      <c r="D44" s="194"/>
      <c r="E44" s="169"/>
      <c r="F44" s="41"/>
      <c r="G44" s="169"/>
      <c r="H44" s="44"/>
      <c r="I44" s="169"/>
      <c r="J44" s="44"/>
      <c r="K44" s="192"/>
      <c r="L44" s="169"/>
      <c r="M44" s="191"/>
      <c r="N44" s="45"/>
      <c r="O44" s="168"/>
      <c r="P44" s="228"/>
      <c r="Q44" s="222"/>
      <c r="R44" s="169"/>
      <c r="S44" s="168" t="s">
        <v>1359</v>
      </c>
      <c r="T44" s="190" t="s">
        <v>1358</v>
      </c>
      <c r="U44" s="168"/>
      <c r="V44" s="44" t="s">
        <v>22</v>
      </c>
      <c r="W44" s="45" t="s">
        <v>22</v>
      </c>
      <c r="X44" s="45" t="s">
        <v>22</v>
      </c>
      <c r="Y44" s="45" t="s">
        <v>1357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4"/>
      <c r="C45" s="169"/>
      <c r="D45" s="194"/>
      <c r="E45" s="169"/>
      <c r="F45" s="41"/>
      <c r="G45" s="169"/>
      <c r="H45" s="44"/>
      <c r="I45" s="169"/>
      <c r="J45" s="44"/>
      <c r="K45" s="192"/>
      <c r="L45" s="169"/>
      <c r="M45" s="191"/>
      <c r="N45" s="45"/>
      <c r="O45" s="168"/>
      <c r="P45" s="229"/>
      <c r="Q45" s="223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4"/>
      <c r="E46" s="169"/>
      <c r="F46" s="41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100</v>
      </c>
      <c r="Q46" s="230" t="s">
        <v>695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4"/>
      <c r="E47" s="169"/>
      <c r="F47" s="41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1356</v>
      </c>
      <c r="T47" s="190" t="s">
        <v>1355</v>
      </c>
      <c r="U47" s="168"/>
      <c r="V47" s="44" t="s">
        <v>22</v>
      </c>
      <c r="W47" s="45" t="s">
        <v>22</v>
      </c>
      <c r="X47" s="45" t="s">
        <v>22</v>
      </c>
      <c r="Y47" s="45" t="s">
        <v>1354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4"/>
      <c r="E48" s="169"/>
      <c r="F48" s="41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40"/>
      <c r="B49" s="194"/>
      <c r="C49" s="169"/>
      <c r="D49" s="194"/>
      <c r="E49" s="169"/>
      <c r="F49" s="41"/>
      <c r="G49" s="169"/>
      <c r="H49" s="44"/>
      <c r="I49" s="169"/>
      <c r="J49" s="44"/>
      <c r="K49" s="192"/>
      <c r="L49" s="169"/>
      <c r="M49" s="191"/>
      <c r="N49" s="45"/>
      <c r="O49" s="168"/>
      <c r="P49" s="227" t="s">
        <v>680</v>
      </c>
      <c r="Q49" s="230" t="s">
        <v>679</v>
      </c>
      <c r="R49" s="162"/>
      <c r="S49" s="167"/>
      <c r="T49" s="196"/>
      <c r="U49" s="167"/>
      <c r="V49" s="69"/>
      <c r="W49" s="70"/>
      <c r="X49" s="70"/>
      <c r="Y49" s="70"/>
      <c r="Z49" s="195" t="s">
        <v>1</v>
      </c>
      <c r="AA49" s="74"/>
      <c r="AB49" s="74"/>
      <c r="AC49" s="74"/>
      <c r="AD49" s="75"/>
      <c r="AE49" s="25"/>
      <c r="AF49" s="25"/>
      <c r="AG49" s="25"/>
      <c r="AH49" s="74"/>
      <c r="AI49" s="74"/>
      <c r="AJ49" s="74"/>
      <c r="AK49" s="74"/>
      <c r="AL49" s="75"/>
      <c r="AM49" s="25"/>
      <c r="AN49" s="25"/>
      <c r="AO49" s="32"/>
    </row>
    <row r="50" spans="1:41" s="59" customFormat="1" ht="9.75" customHeight="1">
      <c r="A50" s="40"/>
      <c r="B50" s="194"/>
      <c r="C50" s="169"/>
      <c r="D50" s="194"/>
      <c r="E50" s="169"/>
      <c r="F50" s="41"/>
      <c r="G50" s="169"/>
      <c r="H50" s="44"/>
      <c r="I50" s="169"/>
      <c r="J50" s="44"/>
      <c r="K50" s="192"/>
      <c r="L50" s="169"/>
      <c r="M50" s="191"/>
      <c r="N50" s="45"/>
      <c r="O50" s="168"/>
      <c r="P50" s="228"/>
      <c r="Q50" s="222"/>
      <c r="R50" s="169"/>
      <c r="S50" s="168" t="s">
        <v>1353</v>
      </c>
      <c r="T50" s="190" t="s">
        <v>1352</v>
      </c>
      <c r="U50" s="168"/>
      <c r="V50" s="44" t="s">
        <v>22</v>
      </c>
      <c r="W50" s="45" t="s">
        <v>22</v>
      </c>
      <c r="X50" s="45" t="s">
        <v>22</v>
      </c>
      <c r="Y50" s="45" t="s">
        <v>1351</v>
      </c>
      <c r="Z50" s="189"/>
      <c r="AA50" s="33"/>
      <c r="AB50" s="33"/>
      <c r="AC50" s="33"/>
      <c r="AD50" s="34"/>
      <c r="AE50" s="35"/>
      <c r="AF50" s="35"/>
      <c r="AG50" s="35"/>
      <c r="AH50" s="33"/>
      <c r="AI50" s="33"/>
      <c r="AJ50" s="33"/>
      <c r="AK50" s="33"/>
      <c r="AL50" s="34"/>
      <c r="AM50" s="35"/>
      <c r="AN50" s="35"/>
      <c r="AO50" s="36"/>
    </row>
    <row r="51" spans="1:41" s="59" customFormat="1" ht="9.75" customHeight="1">
      <c r="A51" s="40"/>
      <c r="B51" s="194"/>
      <c r="C51" s="169"/>
      <c r="D51" s="194"/>
      <c r="E51" s="169"/>
      <c r="F51" s="41"/>
      <c r="G51" s="169"/>
      <c r="H51" s="44"/>
      <c r="I51" s="169"/>
      <c r="J51" s="44"/>
      <c r="K51" s="192"/>
      <c r="L51" s="169"/>
      <c r="M51" s="191"/>
      <c r="N51" s="45"/>
      <c r="O51" s="168"/>
      <c r="P51" s="229"/>
      <c r="Q51" s="223"/>
      <c r="R51" s="169"/>
      <c r="S51" s="168"/>
      <c r="T51" s="190"/>
      <c r="U51" s="168"/>
      <c r="V51" s="44"/>
      <c r="W51" s="45"/>
      <c r="X51" s="45"/>
      <c r="Y51" s="45"/>
      <c r="Z51" s="189"/>
      <c r="AA51" s="33"/>
      <c r="AB51" s="33"/>
      <c r="AC51" s="33"/>
      <c r="AD51" s="34"/>
      <c r="AE51" s="35"/>
      <c r="AF51" s="35"/>
      <c r="AG51" s="35"/>
      <c r="AH51" s="33"/>
      <c r="AI51" s="33"/>
      <c r="AJ51" s="33"/>
      <c r="AK51" s="33"/>
      <c r="AL51" s="34"/>
      <c r="AM51" s="35"/>
      <c r="AN51" s="35"/>
      <c r="AO51" s="36"/>
    </row>
    <row r="52" spans="1:41" s="59" customFormat="1" ht="9.75" customHeight="1">
      <c r="A52" s="40"/>
      <c r="B52" s="194"/>
      <c r="C52" s="169"/>
      <c r="D52" s="194"/>
      <c r="E52" s="169"/>
      <c r="F52" s="41"/>
      <c r="G52" s="169"/>
      <c r="H52" s="44"/>
      <c r="I52" s="169"/>
      <c r="J52" s="44"/>
      <c r="K52" s="192"/>
      <c r="L52" s="169"/>
      <c r="M52" s="191"/>
      <c r="N52" s="45"/>
      <c r="O52" s="168"/>
      <c r="P52" s="227" t="s">
        <v>749</v>
      </c>
      <c r="Q52" s="230" t="s">
        <v>748</v>
      </c>
      <c r="R52" s="162"/>
      <c r="S52" s="167"/>
      <c r="T52" s="196"/>
      <c r="U52" s="167"/>
      <c r="V52" s="69"/>
      <c r="W52" s="70"/>
      <c r="X52" s="70"/>
      <c r="Y52" s="70"/>
      <c r="Z52" s="195" t="s">
        <v>1</v>
      </c>
      <c r="AA52" s="74"/>
      <c r="AB52" s="74"/>
      <c r="AC52" s="74"/>
      <c r="AD52" s="75"/>
      <c r="AE52" s="25"/>
      <c r="AF52" s="25"/>
      <c r="AG52" s="25"/>
      <c r="AH52" s="74"/>
      <c r="AI52" s="74"/>
      <c r="AJ52" s="74"/>
      <c r="AK52" s="74"/>
      <c r="AL52" s="75"/>
      <c r="AM52" s="25"/>
      <c r="AN52" s="25"/>
      <c r="AO52" s="32"/>
    </row>
    <row r="53" spans="1:41" s="59" customFormat="1" ht="9.75" customHeight="1">
      <c r="A53" s="40"/>
      <c r="B53" s="194"/>
      <c r="C53" s="169"/>
      <c r="D53" s="194"/>
      <c r="E53" s="169"/>
      <c r="F53" s="41"/>
      <c r="G53" s="169"/>
      <c r="H53" s="44"/>
      <c r="I53" s="169"/>
      <c r="J53" s="44"/>
      <c r="K53" s="192"/>
      <c r="L53" s="169"/>
      <c r="M53" s="191"/>
      <c r="N53" s="45"/>
      <c r="O53" s="168"/>
      <c r="P53" s="228"/>
      <c r="Q53" s="222"/>
      <c r="R53" s="169"/>
      <c r="S53" s="168" t="s">
        <v>87</v>
      </c>
      <c r="T53" s="190" t="s">
        <v>1350</v>
      </c>
      <c r="U53" s="168"/>
      <c r="V53" s="44" t="s">
        <v>22</v>
      </c>
      <c r="W53" s="45" t="s">
        <v>22</v>
      </c>
      <c r="X53" s="45" t="s">
        <v>22</v>
      </c>
      <c r="Y53" s="45" t="s">
        <v>1349</v>
      </c>
      <c r="Z53" s="189"/>
      <c r="AA53" s="33"/>
      <c r="AB53" s="33"/>
      <c r="AC53" s="33"/>
      <c r="AD53" s="34"/>
      <c r="AE53" s="35"/>
      <c r="AF53" s="35"/>
      <c r="AG53" s="35"/>
      <c r="AH53" s="33"/>
      <c r="AI53" s="33"/>
      <c r="AJ53" s="33"/>
      <c r="AK53" s="33"/>
      <c r="AL53" s="34"/>
      <c r="AM53" s="35"/>
      <c r="AN53" s="35"/>
      <c r="AO53" s="36"/>
    </row>
    <row r="54" spans="1:41" s="59" customFormat="1" ht="9.75" customHeight="1">
      <c r="A54" s="40"/>
      <c r="B54" s="194"/>
      <c r="C54" s="169"/>
      <c r="D54" s="194"/>
      <c r="E54" s="169"/>
      <c r="F54" s="41"/>
      <c r="G54" s="169"/>
      <c r="H54" s="44"/>
      <c r="I54" s="169"/>
      <c r="J54" s="44"/>
      <c r="K54" s="192"/>
      <c r="L54" s="169"/>
      <c r="M54" s="191"/>
      <c r="N54" s="45"/>
      <c r="O54" s="168"/>
      <c r="P54" s="229"/>
      <c r="Q54" s="223"/>
      <c r="R54" s="169"/>
      <c r="S54" s="168"/>
      <c r="T54" s="190"/>
      <c r="U54" s="168"/>
      <c r="V54" s="44"/>
      <c r="W54" s="45"/>
      <c r="X54" s="45"/>
      <c r="Y54" s="45"/>
      <c r="Z54" s="189"/>
      <c r="AA54" s="33"/>
      <c r="AB54" s="33"/>
      <c r="AC54" s="33"/>
      <c r="AD54" s="34"/>
      <c r="AE54" s="35"/>
      <c r="AF54" s="35"/>
      <c r="AG54" s="35"/>
      <c r="AH54" s="33"/>
      <c r="AI54" s="33"/>
      <c r="AJ54" s="33"/>
      <c r="AK54" s="33"/>
      <c r="AL54" s="34"/>
      <c r="AM54" s="35"/>
      <c r="AN54" s="35"/>
      <c r="AO54" s="36"/>
    </row>
    <row r="55" spans="1:41" s="59" customFormat="1" ht="9.75" customHeight="1">
      <c r="A55" s="40"/>
      <c r="B55" s="194"/>
      <c r="C55" s="169"/>
      <c r="D55" s="194"/>
      <c r="E55" s="169"/>
      <c r="F55" s="41"/>
      <c r="G55" s="169"/>
      <c r="H55" s="44"/>
      <c r="I55" s="169"/>
      <c r="J55" s="44"/>
      <c r="K55" s="192"/>
      <c r="L55" s="169"/>
      <c r="M55" s="191"/>
      <c r="N55" s="45"/>
      <c r="O55" s="168"/>
      <c r="P55" s="227" t="s">
        <v>1219</v>
      </c>
      <c r="Q55" s="221" t="s">
        <v>1218</v>
      </c>
      <c r="R55" s="162"/>
      <c r="S55" s="167"/>
      <c r="T55" s="196"/>
      <c r="U55" s="167"/>
      <c r="V55" s="69"/>
      <c r="W55" s="70"/>
      <c r="X55" s="70"/>
      <c r="Y55" s="70"/>
      <c r="Z55" s="195" t="s">
        <v>1</v>
      </c>
      <c r="AA55" s="74"/>
      <c r="AB55" s="74"/>
      <c r="AC55" s="74"/>
      <c r="AD55" s="75"/>
      <c r="AE55" s="25"/>
      <c r="AF55" s="25"/>
      <c r="AG55" s="25"/>
      <c r="AH55" s="74"/>
      <c r="AI55" s="74"/>
      <c r="AJ55" s="74"/>
      <c r="AK55" s="74"/>
      <c r="AL55" s="75"/>
      <c r="AM55" s="25"/>
      <c r="AN55" s="25"/>
      <c r="AO55" s="32"/>
    </row>
    <row r="56" spans="1:41" s="59" customFormat="1" ht="9.75" customHeight="1">
      <c r="A56" s="40"/>
      <c r="B56" s="194"/>
      <c r="C56" s="169"/>
      <c r="D56" s="194"/>
      <c r="E56" s="169"/>
      <c r="F56" s="41"/>
      <c r="G56" s="169"/>
      <c r="H56" s="44"/>
      <c r="I56" s="169"/>
      <c r="J56" s="44"/>
      <c r="K56" s="192"/>
      <c r="L56" s="169"/>
      <c r="M56" s="191"/>
      <c r="N56" s="45"/>
      <c r="O56" s="168"/>
      <c r="P56" s="228"/>
      <c r="Q56" s="222"/>
      <c r="R56" s="169"/>
      <c r="S56" s="168" t="s">
        <v>1348</v>
      </c>
      <c r="T56" s="190" t="s">
        <v>1347</v>
      </c>
      <c r="U56" s="168"/>
      <c r="V56" s="44" t="s">
        <v>22</v>
      </c>
      <c r="W56" s="45" t="s">
        <v>22</v>
      </c>
      <c r="X56" s="45" t="s">
        <v>22</v>
      </c>
      <c r="Y56" s="45" t="s">
        <v>1346</v>
      </c>
      <c r="Z56" s="189"/>
      <c r="AA56" s="33"/>
      <c r="AB56" s="33"/>
      <c r="AC56" s="33"/>
      <c r="AD56" s="34"/>
      <c r="AE56" s="35"/>
      <c r="AF56" s="35"/>
      <c r="AG56" s="35"/>
      <c r="AH56" s="33"/>
      <c r="AI56" s="33"/>
      <c r="AJ56" s="33"/>
      <c r="AK56" s="33"/>
      <c r="AL56" s="34"/>
      <c r="AM56" s="35"/>
      <c r="AN56" s="35"/>
      <c r="AO56" s="36"/>
    </row>
    <row r="57" spans="1:41" s="59" customFormat="1" ht="9.75" customHeight="1">
      <c r="A57" s="40"/>
      <c r="B57" s="194"/>
      <c r="C57" s="169"/>
      <c r="D57" s="194"/>
      <c r="E57" s="169"/>
      <c r="F57" s="41"/>
      <c r="G57" s="169"/>
      <c r="H57" s="44"/>
      <c r="I57" s="169"/>
      <c r="J57" s="44"/>
      <c r="K57" s="192"/>
      <c r="L57" s="169"/>
      <c r="M57" s="191"/>
      <c r="N57" s="45"/>
      <c r="O57" s="168"/>
      <c r="P57" s="229"/>
      <c r="Q57" s="223"/>
      <c r="R57" s="169"/>
      <c r="S57" s="168"/>
      <c r="T57" s="190"/>
      <c r="U57" s="168"/>
      <c r="V57" s="44"/>
      <c r="W57" s="45"/>
      <c r="X57" s="45"/>
      <c r="Y57" s="45"/>
      <c r="Z57" s="189"/>
      <c r="AA57" s="33"/>
      <c r="AB57" s="33"/>
      <c r="AC57" s="33"/>
      <c r="AD57" s="34"/>
      <c r="AE57" s="35"/>
      <c r="AF57" s="35"/>
      <c r="AG57" s="35"/>
      <c r="AH57" s="33"/>
      <c r="AI57" s="33"/>
      <c r="AJ57" s="33"/>
      <c r="AK57" s="33"/>
      <c r="AL57" s="34"/>
      <c r="AM57" s="35"/>
      <c r="AN57" s="35"/>
      <c r="AO57" s="36"/>
    </row>
    <row r="58" spans="1:41" s="59" customFormat="1" ht="9.75" customHeight="1">
      <c r="A58" s="40"/>
      <c r="B58" s="193"/>
      <c r="C58" s="169"/>
      <c r="D58" s="170"/>
      <c r="E58" s="218" t="s">
        <v>25</v>
      </c>
      <c r="F58" s="230" t="s">
        <v>1345</v>
      </c>
      <c r="G58" s="162"/>
      <c r="H58" s="69"/>
      <c r="I58" s="162"/>
      <c r="J58" s="69"/>
      <c r="K58" s="198"/>
      <c r="L58" s="162"/>
      <c r="M58" s="197"/>
      <c r="N58" s="70"/>
      <c r="O58" s="167"/>
      <c r="P58" s="167"/>
      <c r="Q58" s="68"/>
      <c r="R58" s="162"/>
      <c r="S58" s="167"/>
      <c r="T58" s="196"/>
      <c r="U58" s="167"/>
      <c r="V58" s="69"/>
      <c r="W58" s="70"/>
      <c r="X58" s="70"/>
      <c r="Y58" s="70"/>
      <c r="Z58" s="195" t="s">
        <v>1</v>
      </c>
      <c r="AA58" s="74"/>
      <c r="AB58" s="74"/>
      <c r="AC58" s="74"/>
      <c r="AD58" s="75"/>
      <c r="AE58" s="25"/>
      <c r="AF58" s="25"/>
      <c r="AG58" s="25"/>
      <c r="AH58" s="74"/>
      <c r="AI58" s="74"/>
      <c r="AJ58" s="74"/>
      <c r="AK58" s="74"/>
      <c r="AL58" s="75"/>
      <c r="AM58" s="25"/>
      <c r="AN58" s="25"/>
      <c r="AO58" s="32"/>
    </row>
    <row r="59" spans="1:41" s="59" customFormat="1" ht="9.75" customHeight="1">
      <c r="A59" s="40"/>
      <c r="B59" s="193"/>
      <c r="C59" s="169"/>
      <c r="D59" s="193"/>
      <c r="E59" s="219"/>
      <c r="F59" s="222"/>
      <c r="G59" s="169"/>
      <c r="H59" s="44" t="s">
        <v>1344</v>
      </c>
      <c r="I59" s="169" t="s">
        <v>23</v>
      </c>
      <c r="J59" s="44" t="s">
        <v>1343</v>
      </c>
      <c r="K59" s="192" t="s">
        <v>22</v>
      </c>
      <c r="L59" s="169"/>
      <c r="M59" s="191" t="s">
        <v>22</v>
      </c>
      <c r="N59" s="45" t="s">
        <v>1342</v>
      </c>
      <c r="O59" s="168"/>
      <c r="P59" s="168"/>
      <c r="Q59" s="41"/>
      <c r="R59" s="169"/>
      <c r="S59" s="168"/>
      <c r="T59" s="190" t="s">
        <v>1341</v>
      </c>
      <c r="U59" s="168"/>
      <c r="V59" s="44" t="s">
        <v>22</v>
      </c>
      <c r="W59" s="45" t="s">
        <v>22</v>
      </c>
      <c r="X59" s="45" t="s">
        <v>22</v>
      </c>
      <c r="Y59" s="45" t="s">
        <v>1340</v>
      </c>
      <c r="Z59" s="189"/>
      <c r="AA59" s="33"/>
      <c r="AB59" s="33"/>
      <c r="AC59" s="33"/>
      <c r="AD59" s="34"/>
      <c r="AE59" s="35"/>
      <c r="AF59" s="35"/>
      <c r="AG59" s="35"/>
      <c r="AH59" s="33"/>
      <c r="AI59" s="33"/>
      <c r="AJ59" s="33"/>
      <c r="AK59" s="33"/>
      <c r="AL59" s="34"/>
      <c r="AM59" s="35"/>
      <c r="AN59" s="35"/>
      <c r="AO59" s="36"/>
    </row>
    <row r="60" spans="1:41" s="59" customFormat="1" ht="9.75" customHeight="1">
      <c r="A60" s="40"/>
      <c r="B60" s="193"/>
      <c r="C60" s="169"/>
      <c r="D60" s="193"/>
      <c r="E60" s="219"/>
      <c r="F60" s="222"/>
      <c r="G60" s="169"/>
      <c r="H60" s="44"/>
      <c r="I60" s="169"/>
      <c r="J60" s="44"/>
      <c r="K60" s="192"/>
      <c r="L60" s="169"/>
      <c r="M60" s="191"/>
      <c r="N60" s="45"/>
      <c r="O60" s="168"/>
      <c r="P60" s="168"/>
      <c r="Q60" s="41"/>
      <c r="R60" s="169"/>
      <c r="S60" s="168"/>
      <c r="T60" s="190"/>
      <c r="U60" s="168"/>
      <c r="V60" s="44"/>
      <c r="W60" s="45"/>
      <c r="X60" s="45"/>
      <c r="Y60" s="45"/>
      <c r="Z60" s="189"/>
      <c r="AA60" s="33"/>
      <c r="AB60" s="33"/>
      <c r="AC60" s="33"/>
      <c r="AD60" s="34"/>
      <c r="AE60" s="35"/>
      <c r="AF60" s="35"/>
      <c r="AG60" s="35"/>
      <c r="AH60" s="33"/>
      <c r="AI60" s="33"/>
      <c r="AJ60" s="33"/>
      <c r="AK60" s="33"/>
      <c r="AL60" s="34"/>
      <c r="AM60" s="35"/>
      <c r="AN60" s="35"/>
      <c r="AO60" s="36"/>
    </row>
    <row r="61" spans="1:41" s="59" customFormat="1" ht="9.75" customHeight="1">
      <c r="A61" s="40"/>
      <c r="B61" s="194"/>
      <c r="C61" s="169"/>
      <c r="D61" s="193"/>
      <c r="E61" s="169"/>
      <c r="F61" s="170"/>
      <c r="G61" s="169"/>
      <c r="H61" s="44"/>
      <c r="I61" s="169"/>
      <c r="J61" s="44"/>
      <c r="K61" s="192"/>
      <c r="L61" s="169"/>
      <c r="M61" s="191"/>
      <c r="N61" s="45"/>
      <c r="O61" s="168"/>
      <c r="P61" s="227" t="s">
        <v>79</v>
      </c>
      <c r="Q61" s="221" t="s">
        <v>699</v>
      </c>
      <c r="R61" s="162"/>
      <c r="S61" s="167"/>
      <c r="T61" s="196"/>
      <c r="U61" s="167"/>
      <c r="V61" s="69"/>
      <c r="W61" s="70"/>
      <c r="X61" s="70"/>
      <c r="Y61" s="70"/>
      <c r="Z61" s="195" t="s">
        <v>1</v>
      </c>
      <c r="AA61" s="74"/>
      <c r="AB61" s="74"/>
      <c r="AC61" s="74"/>
      <c r="AD61" s="75"/>
      <c r="AE61" s="25"/>
      <c r="AF61" s="25"/>
      <c r="AG61" s="25"/>
      <c r="AH61" s="74"/>
      <c r="AI61" s="74"/>
      <c r="AJ61" s="74"/>
      <c r="AK61" s="74"/>
      <c r="AL61" s="75"/>
      <c r="AM61" s="25"/>
      <c r="AN61" s="25"/>
      <c r="AO61" s="32"/>
    </row>
    <row r="62" spans="1:41" s="59" customFormat="1" ht="9.75" customHeight="1">
      <c r="A62" s="40"/>
      <c r="B62" s="194"/>
      <c r="C62" s="169"/>
      <c r="D62" s="193"/>
      <c r="E62" s="169"/>
      <c r="F62" s="170"/>
      <c r="G62" s="169"/>
      <c r="H62" s="44"/>
      <c r="I62" s="169"/>
      <c r="J62" s="44"/>
      <c r="K62" s="192"/>
      <c r="L62" s="169"/>
      <c r="M62" s="191"/>
      <c r="N62" s="45"/>
      <c r="O62" s="168"/>
      <c r="P62" s="228"/>
      <c r="Q62" s="222"/>
      <c r="R62" s="169"/>
      <c r="S62" s="168" t="s">
        <v>1342</v>
      </c>
      <c r="T62" s="190" t="s">
        <v>1341</v>
      </c>
      <c r="U62" s="168"/>
      <c r="V62" s="44" t="s">
        <v>22</v>
      </c>
      <c r="W62" s="45" t="s">
        <v>22</v>
      </c>
      <c r="X62" s="45" t="s">
        <v>22</v>
      </c>
      <c r="Y62" s="45" t="s">
        <v>1340</v>
      </c>
      <c r="Z62" s="189"/>
      <c r="AA62" s="33"/>
      <c r="AB62" s="33"/>
      <c r="AC62" s="33"/>
      <c r="AD62" s="34"/>
      <c r="AE62" s="35"/>
      <c r="AF62" s="35"/>
      <c r="AG62" s="35"/>
      <c r="AH62" s="33"/>
      <c r="AI62" s="33"/>
      <c r="AJ62" s="33"/>
      <c r="AK62" s="33"/>
      <c r="AL62" s="34"/>
      <c r="AM62" s="35"/>
      <c r="AN62" s="35"/>
      <c r="AO62" s="36"/>
    </row>
    <row r="63" spans="1:41" s="59" customFormat="1" ht="9.75" customHeight="1">
      <c r="A63" s="40"/>
      <c r="B63" s="194"/>
      <c r="C63" s="169"/>
      <c r="D63" s="193"/>
      <c r="E63" s="169"/>
      <c r="F63" s="170"/>
      <c r="G63" s="169"/>
      <c r="H63" s="44"/>
      <c r="I63" s="169"/>
      <c r="J63" s="44"/>
      <c r="K63" s="192"/>
      <c r="L63" s="169"/>
      <c r="M63" s="191"/>
      <c r="N63" s="45"/>
      <c r="O63" s="168"/>
      <c r="P63" s="229"/>
      <c r="Q63" s="223"/>
      <c r="R63" s="169"/>
      <c r="S63" s="168"/>
      <c r="T63" s="190"/>
      <c r="U63" s="168"/>
      <c r="V63" s="44"/>
      <c r="W63" s="45"/>
      <c r="X63" s="45"/>
      <c r="Y63" s="45"/>
      <c r="Z63" s="189"/>
      <c r="AA63" s="33"/>
      <c r="AB63" s="33"/>
      <c r="AC63" s="33"/>
      <c r="AD63" s="34"/>
      <c r="AE63" s="35"/>
      <c r="AF63" s="35"/>
      <c r="AG63" s="35"/>
      <c r="AH63" s="33"/>
      <c r="AI63" s="33"/>
      <c r="AJ63" s="33"/>
      <c r="AK63" s="33"/>
      <c r="AL63" s="34"/>
      <c r="AM63" s="35"/>
      <c r="AN63" s="35"/>
      <c r="AO63" s="36"/>
    </row>
    <row r="64" spans="1:41" s="59" customFormat="1" ht="9.75" customHeight="1">
      <c r="A64" s="40"/>
      <c r="B64" s="193"/>
      <c r="C64" s="169"/>
      <c r="D64" s="170"/>
      <c r="E64" s="218" t="s">
        <v>26</v>
      </c>
      <c r="F64" s="230" t="s">
        <v>1339</v>
      </c>
      <c r="G64" s="162"/>
      <c r="H64" s="69"/>
      <c r="I64" s="162"/>
      <c r="J64" s="69"/>
      <c r="K64" s="198"/>
      <c r="L64" s="162"/>
      <c r="M64" s="197"/>
      <c r="N64" s="70"/>
      <c r="O64" s="167"/>
      <c r="P64" s="167"/>
      <c r="Q64" s="68"/>
      <c r="R64" s="162"/>
      <c r="S64" s="167"/>
      <c r="T64" s="196"/>
      <c r="U64" s="167"/>
      <c r="V64" s="69"/>
      <c r="W64" s="70"/>
      <c r="X64" s="70"/>
      <c r="Y64" s="70"/>
      <c r="Z64" s="195" t="s">
        <v>1</v>
      </c>
      <c r="AA64" s="74"/>
      <c r="AB64" s="74"/>
      <c r="AC64" s="74"/>
      <c r="AD64" s="75"/>
      <c r="AE64" s="25"/>
      <c r="AF64" s="25"/>
      <c r="AG64" s="25"/>
      <c r="AH64" s="74"/>
      <c r="AI64" s="74"/>
      <c r="AJ64" s="74"/>
      <c r="AK64" s="74"/>
      <c r="AL64" s="75"/>
      <c r="AM64" s="25"/>
      <c r="AN64" s="25"/>
      <c r="AO64" s="32"/>
    </row>
    <row r="65" spans="1:41" s="59" customFormat="1" ht="9.75" customHeight="1">
      <c r="A65" s="40"/>
      <c r="B65" s="193"/>
      <c r="C65" s="169"/>
      <c r="D65" s="193"/>
      <c r="E65" s="219"/>
      <c r="F65" s="222"/>
      <c r="G65" s="169"/>
      <c r="H65" s="44" t="s">
        <v>1338</v>
      </c>
      <c r="I65" s="169" t="s">
        <v>23</v>
      </c>
      <c r="J65" s="44" t="s">
        <v>1337</v>
      </c>
      <c r="K65" s="192" t="s">
        <v>22</v>
      </c>
      <c r="L65" s="169"/>
      <c r="M65" s="191" t="s">
        <v>22</v>
      </c>
      <c r="N65" s="45" t="s">
        <v>1336</v>
      </c>
      <c r="O65" s="168"/>
      <c r="P65" s="168"/>
      <c r="Q65" s="41"/>
      <c r="R65" s="169"/>
      <c r="S65" s="168"/>
      <c r="T65" s="190" t="s">
        <v>1335</v>
      </c>
      <c r="U65" s="168"/>
      <c r="V65" s="44" t="s">
        <v>22</v>
      </c>
      <c r="W65" s="45" t="s">
        <v>22</v>
      </c>
      <c r="X65" s="45" t="s">
        <v>22</v>
      </c>
      <c r="Y65" s="45" t="s">
        <v>1334</v>
      </c>
      <c r="Z65" s="189"/>
      <c r="AA65" s="33"/>
      <c r="AB65" s="33"/>
      <c r="AC65" s="33"/>
      <c r="AD65" s="34"/>
      <c r="AE65" s="35"/>
      <c r="AF65" s="35"/>
      <c r="AG65" s="35"/>
      <c r="AH65" s="33"/>
      <c r="AI65" s="33"/>
      <c r="AJ65" s="33"/>
      <c r="AK65" s="33"/>
      <c r="AL65" s="34"/>
      <c r="AM65" s="35"/>
      <c r="AN65" s="35"/>
      <c r="AO65" s="36"/>
    </row>
    <row r="66" spans="1:41" s="59" customFormat="1" ht="9.75" customHeight="1">
      <c r="A66" s="40"/>
      <c r="B66" s="193"/>
      <c r="C66" s="169"/>
      <c r="D66" s="193"/>
      <c r="E66" s="219"/>
      <c r="F66" s="222"/>
      <c r="G66" s="169"/>
      <c r="H66" s="44"/>
      <c r="I66" s="169"/>
      <c r="J66" s="44"/>
      <c r="K66" s="192"/>
      <c r="L66" s="169"/>
      <c r="M66" s="191"/>
      <c r="N66" s="45"/>
      <c r="O66" s="168"/>
      <c r="P66" s="168"/>
      <c r="Q66" s="41"/>
      <c r="R66" s="169"/>
      <c r="S66" s="168"/>
      <c r="T66" s="190"/>
      <c r="U66" s="168"/>
      <c r="V66" s="44"/>
      <c r="W66" s="45"/>
      <c r="X66" s="45"/>
      <c r="Y66" s="45"/>
      <c r="Z66" s="189"/>
      <c r="AA66" s="33"/>
      <c r="AB66" s="33"/>
      <c r="AC66" s="33"/>
      <c r="AD66" s="34"/>
      <c r="AE66" s="35"/>
      <c r="AF66" s="35"/>
      <c r="AG66" s="35"/>
      <c r="AH66" s="33"/>
      <c r="AI66" s="33"/>
      <c r="AJ66" s="33"/>
      <c r="AK66" s="33"/>
      <c r="AL66" s="34"/>
      <c r="AM66" s="35"/>
      <c r="AN66" s="35"/>
      <c r="AO66" s="36"/>
    </row>
    <row r="67" spans="1:41" s="59" customFormat="1" ht="9.75" customHeight="1">
      <c r="A67" s="40"/>
      <c r="B67" s="194"/>
      <c r="C67" s="169"/>
      <c r="D67" s="193"/>
      <c r="E67" s="169"/>
      <c r="F67" s="170"/>
      <c r="G67" s="169"/>
      <c r="H67" s="44"/>
      <c r="I67" s="169"/>
      <c r="J67" s="44"/>
      <c r="K67" s="192"/>
      <c r="L67" s="169"/>
      <c r="M67" s="191"/>
      <c r="N67" s="45"/>
      <c r="O67" s="168"/>
      <c r="P67" s="227" t="s">
        <v>680</v>
      </c>
      <c r="Q67" s="230" t="s">
        <v>679</v>
      </c>
      <c r="R67" s="162"/>
      <c r="S67" s="167"/>
      <c r="T67" s="196"/>
      <c r="U67" s="167"/>
      <c r="V67" s="69"/>
      <c r="W67" s="70"/>
      <c r="X67" s="70"/>
      <c r="Y67" s="70"/>
      <c r="Z67" s="195" t="s">
        <v>1</v>
      </c>
      <c r="AA67" s="74"/>
      <c r="AB67" s="74"/>
      <c r="AC67" s="74"/>
      <c r="AD67" s="75"/>
      <c r="AE67" s="25"/>
      <c r="AF67" s="25"/>
      <c r="AG67" s="25"/>
      <c r="AH67" s="74"/>
      <c r="AI67" s="74"/>
      <c r="AJ67" s="74"/>
      <c r="AK67" s="74"/>
      <c r="AL67" s="75"/>
      <c r="AM67" s="25"/>
      <c r="AN67" s="25"/>
      <c r="AO67" s="32"/>
    </row>
    <row r="68" spans="1:41" s="59" customFormat="1" ht="9.75" customHeight="1">
      <c r="A68" s="40"/>
      <c r="B68" s="194"/>
      <c r="C68" s="169"/>
      <c r="D68" s="193"/>
      <c r="E68" s="169"/>
      <c r="F68" s="170"/>
      <c r="G68" s="169"/>
      <c r="H68" s="44"/>
      <c r="I68" s="169"/>
      <c r="J68" s="44"/>
      <c r="K68" s="192"/>
      <c r="L68" s="169"/>
      <c r="M68" s="191"/>
      <c r="N68" s="45"/>
      <c r="O68" s="168"/>
      <c r="P68" s="228"/>
      <c r="Q68" s="222"/>
      <c r="R68" s="169"/>
      <c r="S68" s="168" t="s">
        <v>1336</v>
      </c>
      <c r="T68" s="190" t="s">
        <v>1335</v>
      </c>
      <c r="U68" s="168"/>
      <c r="V68" s="44" t="s">
        <v>22</v>
      </c>
      <c r="W68" s="45" t="s">
        <v>22</v>
      </c>
      <c r="X68" s="45" t="s">
        <v>22</v>
      </c>
      <c r="Y68" s="45" t="s">
        <v>1334</v>
      </c>
      <c r="Z68" s="189"/>
      <c r="AA68" s="33"/>
      <c r="AB68" s="33"/>
      <c r="AC68" s="33"/>
      <c r="AD68" s="34"/>
      <c r="AE68" s="35"/>
      <c r="AF68" s="35"/>
      <c r="AG68" s="35"/>
      <c r="AH68" s="33"/>
      <c r="AI68" s="33"/>
      <c r="AJ68" s="33"/>
      <c r="AK68" s="33"/>
      <c r="AL68" s="34"/>
      <c r="AM68" s="35"/>
      <c r="AN68" s="35"/>
      <c r="AO68" s="36"/>
    </row>
    <row r="69" spans="1:41" s="59" customFormat="1" ht="9.75" customHeight="1">
      <c r="A69" s="40"/>
      <c r="B69" s="194"/>
      <c r="C69" s="172"/>
      <c r="D69" s="213"/>
      <c r="E69" s="172"/>
      <c r="F69" s="173"/>
      <c r="G69" s="172"/>
      <c r="H69" s="92"/>
      <c r="I69" s="172"/>
      <c r="J69" s="92"/>
      <c r="K69" s="202"/>
      <c r="L69" s="172"/>
      <c r="M69" s="201"/>
      <c r="N69" s="48"/>
      <c r="O69" s="174"/>
      <c r="P69" s="229"/>
      <c r="Q69" s="223"/>
      <c r="R69" s="172"/>
      <c r="S69" s="174"/>
      <c r="T69" s="200"/>
      <c r="U69" s="174"/>
      <c r="V69" s="92"/>
      <c r="W69" s="48"/>
      <c r="X69" s="48"/>
      <c r="Y69" s="48"/>
      <c r="Z69" s="199"/>
      <c r="AA69" s="95"/>
      <c r="AB69" s="95"/>
      <c r="AC69" s="95"/>
      <c r="AD69" s="96"/>
      <c r="AE69" s="97"/>
      <c r="AF69" s="97"/>
      <c r="AG69" s="97"/>
      <c r="AH69" s="95"/>
      <c r="AI69" s="95"/>
      <c r="AJ69" s="95"/>
      <c r="AK69" s="95"/>
      <c r="AL69" s="96"/>
      <c r="AM69" s="97"/>
      <c r="AN69" s="97"/>
      <c r="AO69" s="98"/>
    </row>
    <row r="70" spans="1:41" s="59" customFormat="1" ht="9.75" customHeight="1">
      <c r="A70" s="40"/>
      <c r="B70" s="170"/>
      <c r="C70" s="218" t="s">
        <v>25</v>
      </c>
      <c r="D70" s="221" t="s">
        <v>675</v>
      </c>
      <c r="E70" s="162"/>
      <c r="F70" s="163"/>
      <c r="G70" s="162"/>
      <c r="H70" s="69"/>
      <c r="I70" s="162"/>
      <c r="J70" s="69"/>
      <c r="K70" s="198"/>
      <c r="L70" s="162"/>
      <c r="M70" s="197"/>
      <c r="N70" s="70"/>
      <c r="O70" s="167"/>
      <c r="P70" s="167"/>
      <c r="Q70" s="68"/>
      <c r="R70" s="162"/>
      <c r="S70" s="167"/>
      <c r="T70" s="196"/>
      <c r="U70" s="167"/>
      <c r="V70" s="69"/>
      <c r="W70" s="70"/>
      <c r="X70" s="70"/>
      <c r="Y70" s="70"/>
      <c r="Z70" s="195" t="s">
        <v>1</v>
      </c>
      <c r="AA70" s="74"/>
      <c r="AB70" s="74"/>
      <c r="AC70" s="74"/>
      <c r="AD70" s="75"/>
      <c r="AE70" s="25"/>
      <c r="AF70" s="25"/>
      <c r="AG70" s="25"/>
      <c r="AH70" s="74"/>
      <c r="AI70" s="74"/>
      <c r="AJ70" s="74"/>
      <c r="AK70" s="74"/>
      <c r="AL70" s="75"/>
      <c r="AM70" s="25"/>
      <c r="AN70" s="25"/>
      <c r="AO70" s="32"/>
    </row>
    <row r="71" spans="1:41" s="59" customFormat="1" ht="9.75" customHeight="1">
      <c r="A71" s="40"/>
      <c r="B71" s="193"/>
      <c r="C71" s="219"/>
      <c r="D71" s="222"/>
      <c r="E71" s="169"/>
      <c r="F71" s="170"/>
      <c r="G71" s="169"/>
      <c r="H71" s="44" t="s">
        <v>1333</v>
      </c>
      <c r="I71" s="169" t="s">
        <v>23</v>
      </c>
      <c r="J71" s="44" t="s">
        <v>1332</v>
      </c>
      <c r="K71" s="192" t="s">
        <v>22</v>
      </c>
      <c r="L71" s="169"/>
      <c r="M71" s="191" t="s">
        <v>22</v>
      </c>
      <c r="N71" s="45" t="s">
        <v>153</v>
      </c>
      <c r="O71" s="168"/>
      <c r="P71" s="168"/>
      <c r="Q71" s="41"/>
      <c r="R71" s="169"/>
      <c r="S71" s="168"/>
      <c r="T71" s="190" t="s">
        <v>154</v>
      </c>
      <c r="U71" s="168"/>
      <c r="V71" s="44" t="s">
        <v>22</v>
      </c>
      <c r="W71" s="45" t="s">
        <v>22</v>
      </c>
      <c r="X71" s="45" t="s">
        <v>22</v>
      </c>
      <c r="Y71" s="45" t="s">
        <v>1331</v>
      </c>
      <c r="Z71" s="189"/>
      <c r="AA71" s="33"/>
      <c r="AB71" s="33"/>
      <c r="AC71" s="33"/>
      <c r="AD71" s="34"/>
      <c r="AE71" s="35"/>
      <c r="AF71" s="35"/>
      <c r="AG71" s="35"/>
      <c r="AH71" s="33"/>
      <c r="AI71" s="33"/>
      <c r="AJ71" s="33"/>
      <c r="AK71" s="33"/>
      <c r="AL71" s="34"/>
      <c r="AM71" s="35"/>
      <c r="AN71" s="35"/>
      <c r="AO71" s="36"/>
    </row>
    <row r="72" spans="1:41" s="59" customFormat="1" ht="9.75" customHeight="1">
      <c r="A72" s="40"/>
      <c r="B72" s="193"/>
      <c r="C72" s="219"/>
      <c r="D72" s="222"/>
      <c r="E72" s="169"/>
      <c r="F72" s="170"/>
      <c r="G72" s="169"/>
      <c r="H72" s="44"/>
      <c r="I72" s="169"/>
      <c r="J72" s="44"/>
      <c r="K72" s="192"/>
      <c r="L72" s="169"/>
      <c r="M72" s="191"/>
      <c r="N72" s="45"/>
      <c r="O72" s="168"/>
      <c r="P72" s="168"/>
      <c r="Q72" s="41"/>
      <c r="R72" s="169"/>
      <c r="S72" s="168"/>
      <c r="T72" s="190"/>
      <c r="U72" s="168"/>
      <c r="V72" s="44"/>
      <c r="W72" s="45"/>
      <c r="X72" s="45"/>
      <c r="Y72" s="45"/>
      <c r="Z72" s="189"/>
      <c r="AA72" s="33"/>
      <c r="AB72" s="33"/>
      <c r="AC72" s="33"/>
      <c r="AD72" s="34"/>
      <c r="AE72" s="35"/>
      <c r="AF72" s="35"/>
      <c r="AG72" s="35"/>
      <c r="AH72" s="33"/>
      <c r="AI72" s="33"/>
      <c r="AJ72" s="33"/>
      <c r="AK72" s="33"/>
      <c r="AL72" s="34"/>
      <c r="AM72" s="35"/>
      <c r="AN72" s="35"/>
      <c r="AO72" s="36"/>
    </row>
    <row r="73" spans="1:41" s="59" customFormat="1" ht="9.75" customHeight="1">
      <c r="A73" s="40"/>
      <c r="B73" s="194"/>
      <c r="C73" s="169"/>
      <c r="D73" s="170"/>
      <c r="E73" s="218" t="s">
        <v>21</v>
      </c>
      <c r="F73" s="221" t="s">
        <v>673</v>
      </c>
      <c r="G73" s="162"/>
      <c r="H73" s="69"/>
      <c r="I73" s="162"/>
      <c r="J73" s="69"/>
      <c r="K73" s="198"/>
      <c r="L73" s="162"/>
      <c r="M73" s="197"/>
      <c r="N73" s="70"/>
      <c r="O73" s="167"/>
      <c r="P73" s="167"/>
      <c r="Q73" s="68"/>
      <c r="R73" s="162"/>
      <c r="S73" s="167"/>
      <c r="T73" s="196"/>
      <c r="U73" s="167"/>
      <c r="V73" s="69"/>
      <c r="W73" s="70"/>
      <c r="X73" s="70"/>
      <c r="Y73" s="70"/>
      <c r="Z73" s="195" t="s">
        <v>1</v>
      </c>
      <c r="AA73" s="74"/>
      <c r="AB73" s="74"/>
      <c r="AC73" s="74"/>
      <c r="AD73" s="75"/>
      <c r="AE73" s="25"/>
      <c r="AF73" s="25"/>
      <c r="AG73" s="25"/>
      <c r="AH73" s="74"/>
      <c r="AI73" s="74"/>
      <c r="AJ73" s="74"/>
      <c r="AK73" s="74"/>
      <c r="AL73" s="75"/>
      <c r="AM73" s="25"/>
      <c r="AN73" s="25"/>
      <c r="AO73" s="32"/>
    </row>
    <row r="74" spans="1:41" s="59" customFormat="1" ht="9.75" customHeight="1">
      <c r="A74" s="40"/>
      <c r="B74" s="194"/>
      <c r="C74" s="169"/>
      <c r="D74" s="193"/>
      <c r="E74" s="219"/>
      <c r="F74" s="222"/>
      <c r="G74" s="169"/>
      <c r="H74" s="44" t="s">
        <v>1330</v>
      </c>
      <c r="I74" s="169"/>
      <c r="J74" s="44" t="s">
        <v>22</v>
      </c>
      <c r="K74" s="192" t="s">
        <v>22</v>
      </c>
      <c r="L74" s="169"/>
      <c r="M74" s="191" t="s">
        <v>22</v>
      </c>
      <c r="N74" s="45" t="s">
        <v>1330</v>
      </c>
      <c r="O74" s="168"/>
      <c r="P74" s="168"/>
      <c r="Q74" s="170"/>
      <c r="R74" s="169"/>
      <c r="S74" s="168"/>
      <c r="T74" s="190" t="s">
        <v>1329</v>
      </c>
      <c r="U74" s="168"/>
      <c r="V74" s="44" t="s">
        <v>22</v>
      </c>
      <c r="W74" s="45" t="s">
        <v>22</v>
      </c>
      <c r="X74" s="45" t="s">
        <v>22</v>
      </c>
      <c r="Y74" s="45" t="s">
        <v>1328</v>
      </c>
      <c r="Z74" s="189"/>
      <c r="AA74" s="33"/>
      <c r="AB74" s="33"/>
      <c r="AC74" s="33"/>
      <c r="AD74" s="34"/>
      <c r="AE74" s="35"/>
      <c r="AF74" s="35"/>
      <c r="AG74" s="35"/>
      <c r="AH74" s="33"/>
      <c r="AI74" s="33"/>
      <c r="AJ74" s="33"/>
      <c r="AK74" s="33"/>
      <c r="AL74" s="34"/>
      <c r="AM74" s="35"/>
      <c r="AN74" s="35"/>
      <c r="AO74" s="36"/>
    </row>
    <row r="75" spans="1:41" s="59" customFormat="1" ht="9.75" customHeight="1">
      <c r="A75" s="40"/>
      <c r="B75" s="194"/>
      <c r="C75" s="169"/>
      <c r="D75" s="193"/>
      <c r="E75" s="219"/>
      <c r="F75" s="222"/>
      <c r="G75" s="169"/>
      <c r="H75" s="44"/>
      <c r="I75" s="169"/>
      <c r="J75" s="44"/>
      <c r="K75" s="192"/>
      <c r="L75" s="169"/>
      <c r="M75" s="191"/>
      <c r="N75" s="45"/>
      <c r="O75" s="168"/>
      <c r="P75" s="168"/>
      <c r="Q75" s="170"/>
      <c r="R75" s="169"/>
      <c r="S75" s="168"/>
      <c r="T75" s="190"/>
      <c r="U75" s="168"/>
      <c r="V75" s="44"/>
      <c r="W75" s="45"/>
      <c r="X75" s="45"/>
      <c r="Y75" s="45"/>
      <c r="Z75" s="189"/>
      <c r="AA75" s="33"/>
      <c r="AB75" s="33"/>
      <c r="AC75" s="33"/>
      <c r="AD75" s="34"/>
      <c r="AE75" s="35"/>
      <c r="AF75" s="35"/>
      <c r="AG75" s="35"/>
      <c r="AH75" s="33"/>
      <c r="AI75" s="33"/>
      <c r="AJ75" s="33"/>
      <c r="AK75" s="33"/>
      <c r="AL75" s="34"/>
      <c r="AM75" s="35"/>
      <c r="AN75" s="35"/>
      <c r="AO75" s="36"/>
    </row>
    <row r="76" spans="1:41" s="59" customFormat="1" ht="9.75" customHeight="1">
      <c r="A76" s="40"/>
      <c r="B76" s="194"/>
      <c r="C76" s="169"/>
      <c r="D76" s="194"/>
      <c r="E76" s="169"/>
      <c r="F76" s="170"/>
      <c r="G76" s="169"/>
      <c r="H76" s="44"/>
      <c r="I76" s="169"/>
      <c r="J76" s="44"/>
      <c r="K76" s="192"/>
      <c r="L76" s="169"/>
      <c r="M76" s="191"/>
      <c r="N76" s="45"/>
      <c r="O76" s="168"/>
      <c r="P76" s="227" t="s">
        <v>666</v>
      </c>
      <c r="Q76" s="221" t="s">
        <v>665</v>
      </c>
      <c r="R76" s="162"/>
      <c r="S76" s="167"/>
      <c r="T76" s="196"/>
      <c r="U76" s="167"/>
      <c r="V76" s="69"/>
      <c r="W76" s="70"/>
      <c r="X76" s="70"/>
      <c r="Y76" s="70"/>
      <c r="Z76" s="195" t="s">
        <v>1</v>
      </c>
      <c r="AA76" s="74"/>
      <c r="AB76" s="74"/>
      <c r="AC76" s="74"/>
      <c r="AD76" s="75"/>
      <c r="AE76" s="25"/>
      <c r="AF76" s="25"/>
      <c r="AG76" s="25"/>
      <c r="AH76" s="74"/>
      <c r="AI76" s="74"/>
      <c r="AJ76" s="74"/>
      <c r="AK76" s="74"/>
      <c r="AL76" s="75"/>
      <c r="AM76" s="25"/>
      <c r="AN76" s="25"/>
      <c r="AO76" s="32"/>
    </row>
    <row r="77" spans="1:41" s="59" customFormat="1" ht="9.75" customHeight="1">
      <c r="A77" s="40"/>
      <c r="B77" s="194"/>
      <c r="C77" s="169"/>
      <c r="D77" s="194"/>
      <c r="E77" s="169"/>
      <c r="F77" s="170"/>
      <c r="G77" s="169"/>
      <c r="H77" s="44"/>
      <c r="I77" s="169"/>
      <c r="J77" s="44"/>
      <c r="K77" s="192"/>
      <c r="L77" s="169"/>
      <c r="M77" s="191"/>
      <c r="N77" s="45"/>
      <c r="O77" s="168"/>
      <c r="P77" s="228"/>
      <c r="Q77" s="222"/>
      <c r="R77" s="169"/>
      <c r="S77" s="168" t="s">
        <v>1330</v>
      </c>
      <c r="T77" s="190" t="s">
        <v>1329</v>
      </c>
      <c r="U77" s="168"/>
      <c r="V77" s="44" t="s">
        <v>22</v>
      </c>
      <c r="W77" s="45" t="s">
        <v>22</v>
      </c>
      <c r="X77" s="45" t="s">
        <v>22</v>
      </c>
      <c r="Y77" s="45" t="s">
        <v>1328</v>
      </c>
      <c r="Z77" s="189"/>
      <c r="AA77" s="33"/>
      <c r="AB77" s="33"/>
      <c r="AC77" s="33"/>
      <c r="AD77" s="34"/>
      <c r="AE77" s="35"/>
      <c r="AF77" s="35"/>
      <c r="AG77" s="35"/>
      <c r="AH77" s="33"/>
      <c r="AI77" s="33"/>
      <c r="AJ77" s="33"/>
      <c r="AK77" s="33"/>
      <c r="AL77" s="34"/>
      <c r="AM77" s="35"/>
      <c r="AN77" s="35"/>
      <c r="AO77" s="36"/>
    </row>
    <row r="78" spans="1:41" s="59" customFormat="1" ht="9.75" customHeight="1">
      <c r="A78" s="40"/>
      <c r="B78" s="194"/>
      <c r="C78" s="169"/>
      <c r="D78" s="194"/>
      <c r="E78" s="169"/>
      <c r="F78" s="170"/>
      <c r="G78" s="169"/>
      <c r="H78" s="44"/>
      <c r="I78" s="169"/>
      <c r="J78" s="44"/>
      <c r="K78" s="192"/>
      <c r="L78" s="169"/>
      <c r="M78" s="191"/>
      <c r="N78" s="45"/>
      <c r="O78" s="168"/>
      <c r="P78" s="229"/>
      <c r="Q78" s="223"/>
      <c r="R78" s="169"/>
      <c r="S78" s="168"/>
      <c r="T78" s="190"/>
      <c r="U78" s="168"/>
      <c r="V78" s="44"/>
      <c r="W78" s="45"/>
      <c r="X78" s="45"/>
      <c r="Y78" s="45"/>
      <c r="Z78" s="189"/>
      <c r="AA78" s="33"/>
      <c r="AB78" s="33"/>
      <c r="AC78" s="33"/>
      <c r="AD78" s="34"/>
      <c r="AE78" s="35"/>
      <c r="AF78" s="35"/>
      <c r="AG78" s="35"/>
      <c r="AH78" s="33"/>
      <c r="AI78" s="33"/>
      <c r="AJ78" s="33"/>
      <c r="AK78" s="33"/>
      <c r="AL78" s="34"/>
      <c r="AM78" s="35"/>
      <c r="AN78" s="35"/>
      <c r="AO78" s="36"/>
    </row>
    <row r="79" spans="1:41" s="59" customFormat="1" ht="9.75" customHeight="1">
      <c r="A79" s="40"/>
      <c r="B79" s="193"/>
      <c r="C79" s="169"/>
      <c r="D79" s="170"/>
      <c r="E79" s="218" t="s">
        <v>25</v>
      </c>
      <c r="F79" s="221" t="s">
        <v>671</v>
      </c>
      <c r="G79" s="162"/>
      <c r="H79" s="69"/>
      <c r="I79" s="162"/>
      <c r="J79" s="69"/>
      <c r="K79" s="198"/>
      <c r="L79" s="162"/>
      <c r="M79" s="197"/>
      <c r="N79" s="70"/>
      <c r="O79" s="167"/>
      <c r="P79" s="167"/>
      <c r="Q79" s="68"/>
      <c r="R79" s="162"/>
      <c r="S79" s="167"/>
      <c r="T79" s="196"/>
      <c r="U79" s="167"/>
      <c r="V79" s="69"/>
      <c r="W79" s="70"/>
      <c r="X79" s="70"/>
      <c r="Y79" s="70"/>
      <c r="Z79" s="195" t="s">
        <v>1</v>
      </c>
      <c r="AA79" s="74"/>
      <c r="AB79" s="74"/>
      <c r="AC79" s="74"/>
      <c r="AD79" s="75"/>
      <c r="AE79" s="25"/>
      <c r="AF79" s="25"/>
      <c r="AG79" s="25"/>
      <c r="AH79" s="74"/>
      <c r="AI79" s="74"/>
      <c r="AJ79" s="74"/>
      <c r="AK79" s="74"/>
      <c r="AL79" s="75"/>
      <c r="AM79" s="25"/>
      <c r="AN79" s="25"/>
      <c r="AO79" s="32"/>
    </row>
    <row r="80" spans="1:41" s="59" customFormat="1" ht="9.75" customHeight="1">
      <c r="A80" s="40"/>
      <c r="B80" s="193"/>
      <c r="C80" s="169"/>
      <c r="D80" s="193"/>
      <c r="E80" s="219"/>
      <c r="F80" s="222"/>
      <c r="G80" s="169"/>
      <c r="H80" s="44" t="s">
        <v>1327</v>
      </c>
      <c r="I80" s="169" t="s">
        <v>23</v>
      </c>
      <c r="J80" s="44" t="s">
        <v>1326</v>
      </c>
      <c r="K80" s="192" t="s">
        <v>22</v>
      </c>
      <c r="L80" s="169"/>
      <c r="M80" s="191" t="s">
        <v>22</v>
      </c>
      <c r="N80" s="45" t="s">
        <v>1325</v>
      </c>
      <c r="O80" s="168"/>
      <c r="P80" s="168"/>
      <c r="Q80" s="41"/>
      <c r="R80" s="169"/>
      <c r="S80" s="168"/>
      <c r="T80" s="190" t="s">
        <v>1324</v>
      </c>
      <c r="U80" s="168"/>
      <c r="V80" s="44" t="s">
        <v>22</v>
      </c>
      <c r="W80" s="45" t="s">
        <v>22</v>
      </c>
      <c r="X80" s="45" t="s">
        <v>22</v>
      </c>
      <c r="Y80" s="45" t="s">
        <v>1323</v>
      </c>
      <c r="Z80" s="189"/>
      <c r="AA80" s="33"/>
      <c r="AB80" s="33"/>
      <c r="AC80" s="33"/>
      <c r="AD80" s="34"/>
      <c r="AE80" s="35"/>
      <c r="AF80" s="35"/>
      <c r="AG80" s="35"/>
      <c r="AH80" s="33"/>
      <c r="AI80" s="33"/>
      <c r="AJ80" s="33"/>
      <c r="AK80" s="33"/>
      <c r="AL80" s="34"/>
      <c r="AM80" s="35"/>
      <c r="AN80" s="35"/>
      <c r="AO80" s="36"/>
    </row>
    <row r="81" spans="1:46" s="59" customFormat="1" ht="9.75" customHeight="1">
      <c r="A81" s="40"/>
      <c r="B81" s="193"/>
      <c r="C81" s="169"/>
      <c r="D81" s="193"/>
      <c r="E81" s="219"/>
      <c r="F81" s="222"/>
      <c r="G81" s="169"/>
      <c r="H81" s="44"/>
      <c r="I81" s="169"/>
      <c r="J81" s="44"/>
      <c r="K81" s="192"/>
      <c r="L81" s="169"/>
      <c r="M81" s="191"/>
      <c r="N81" s="45"/>
      <c r="O81" s="168"/>
      <c r="P81" s="168"/>
      <c r="Q81" s="41"/>
      <c r="R81" s="169"/>
      <c r="S81" s="168"/>
      <c r="T81" s="190"/>
      <c r="U81" s="168"/>
      <c r="V81" s="44"/>
      <c r="W81" s="45"/>
      <c r="X81" s="45"/>
      <c r="Y81" s="45"/>
      <c r="Z81" s="189"/>
      <c r="AA81" s="33"/>
      <c r="AB81" s="33"/>
      <c r="AC81" s="33"/>
      <c r="AD81" s="34"/>
      <c r="AE81" s="35"/>
      <c r="AF81" s="35"/>
      <c r="AG81" s="35"/>
      <c r="AH81" s="33"/>
      <c r="AI81" s="33"/>
      <c r="AJ81" s="33"/>
      <c r="AK81" s="33"/>
      <c r="AL81" s="34"/>
      <c r="AM81" s="35"/>
      <c r="AN81" s="35"/>
      <c r="AO81" s="36"/>
    </row>
    <row r="82" spans="1:46" s="59" customFormat="1" ht="9.75" customHeight="1">
      <c r="A82" s="40"/>
      <c r="B82" s="194"/>
      <c r="C82" s="169"/>
      <c r="D82" s="193"/>
      <c r="E82" s="169"/>
      <c r="F82" s="170"/>
      <c r="G82" s="169"/>
      <c r="H82" s="44"/>
      <c r="I82" s="169"/>
      <c r="J82" s="44"/>
      <c r="K82" s="192"/>
      <c r="L82" s="169"/>
      <c r="M82" s="191"/>
      <c r="N82" s="45"/>
      <c r="O82" s="168"/>
      <c r="P82" s="227" t="s">
        <v>666</v>
      </c>
      <c r="Q82" s="221" t="s">
        <v>665</v>
      </c>
      <c r="R82" s="162"/>
      <c r="S82" s="167"/>
      <c r="T82" s="196"/>
      <c r="U82" s="167"/>
      <c r="V82" s="69"/>
      <c r="W82" s="70"/>
      <c r="X82" s="70"/>
      <c r="Y82" s="70"/>
      <c r="Z82" s="195" t="s">
        <v>1</v>
      </c>
      <c r="AA82" s="74"/>
      <c r="AB82" s="74"/>
      <c r="AC82" s="74"/>
      <c r="AD82" s="75"/>
      <c r="AE82" s="25"/>
      <c r="AF82" s="25"/>
      <c r="AG82" s="25"/>
      <c r="AH82" s="74"/>
      <c r="AI82" s="74"/>
      <c r="AJ82" s="74"/>
      <c r="AK82" s="74"/>
      <c r="AL82" s="75"/>
      <c r="AM82" s="25"/>
      <c r="AN82" s="25"/>
      <c r="AO82" s="32"/>
    </row>
    <row r="83" spans="1:46" s="59" customFormat="1" ht="9.75" customHeight="1">
      <c r="A83" s="40"/>
      <c r="B83" s="194"/>
      <c r="C83" s="169"/>
      <c r="D83" s="193"/>
      <c r="E83" s="169"/>
      <c r="F83" s="170"/>
      <c r="G83" s="169"/>
      <c r="H83" s="44"/>
      <c r="I83" s="169"/>
      <c r="J83" s="44"/>
      <c r="K83" s="192"/>
      <c r="L83" s="169"/>
      <c r="M83" s="191"/>
      <c r="N83" s="45"/>
      <c r="O83" s="168"/>
      <c r="P83" s="228"/>
      <c r="Q83" s="222"/>
      <c r="R83" s="169"/>
      <c r="S83" s="168" t="s">
        <v>1325</v>
      </c>
      <c r="T83" s="190" t="s">
        <v>1324</v>
      </c>
      <c r="U83" s="168"/>
      <c r="V83" s="44" t="s">
        <v>22</v>
      </c>
      <c r="W83" s="45" t="s">
        <v>22</v>
      </c>
      <c r="X83" s="45" t="s">
        <v>22</v>
      </c>
      <c r="Y83" s="45" t="s">
        <v>1323</v>
      </c>
      <c r="Z83" s="189"/>
      <c r="AA83" s="33"/>
      <c r="AB83" s="33"/>
      <c r="AC83" s="33"/>
      <c r="AD83" s="34"/>
      <c r="AE83" s="35"/>
      <c r="AF83" s="35"/>
      <c r="AG83" s="35"/>
      <c r="AH83" s="33"/>
      <c r="AI83" s="33"/>
      <c r="AJ83" s="33"/>
      <c r="AK83" s="33"/>
      <c r="AL83" s="34"/>
      <c r="AM83" s="35"/>
      <c r="AN83" s="35"/>
      <c r="AO83" s="36"/>
    </row>
    <row r="84" spans="1:46" s="59" customFormat="1" ht="9.75" customHeight="1">
      <c r="A84" s="77"/>
      <c r="B84" s="179"/>
      <c r="C84" s="79"/>
      <c r="D84" s="217"/>
      <c r="E84" s="79"/>
      <c r="F84" s="101"/>
      <c r="G84" s="79"/>
      <c r="H84" s="80"/>
      <c r="I84" s="79"/>
      <c r="J84" s="80"/>
      <c r="K84" s="178"/>
      <c r="L84" s="79"/>
      <c r="M84" s="177"/>
      <c r="N84" s="81"/>
      <c r="O84" s="82"/>
      <c r="P84" s="314"/>
      <c r="Q84" s="313"/>
      <c r="R84" s="79"/>
      <c r="S84" s="82"/>
      <c r="T84" s="176"/>
      <c r="U84" s="82"/>
      <c r="V84" s="80"/>
      <c r="W84" s="81"/>
      <c r="X84" s="81"/>
      <c r="Y84" s="81"/>
      <c r="Z84" s="216"/>
      <c r="AA84" s="85"/>
      <c r="AB84" s="85"/>
      <c r="AC84" s="85"/>
      <c r="AD84" s="86"/>
      <c r="AE84" s="87"/>
      <c r="AF84" s="87"/>
      <c r="AG84" s="87"/>
      <c r="AH84" s="85"/>
      <c r="AI84" s="85"/>
      <c r="AJ84" s="85"/>
      <c r="AK84" s="85"/>
      <c r="AL84" s="86"/>
      <c r="AM84" s="87"/>
      <c r="AN84" s="87"/>
      <c r="AO84" s="88"/>
    </row>
    <row r="85" spans="1:46" ht="9.75" customHeight="1">
      <c r="Z85" s="39"/>
      <c r="AA85" s="39"/>
      <c r="AB85" s="39"/>
      <c r="AC85" s="39"/>
      <c r="AD85" s="39"/>
      <c r="AE85" s="39"/>
      <c r="AF85" s="39"/>
      <c r="AG85" s="39"/>
      <c r="AH85" s="39"/>
      <c r="AI85" s="39"/>
      <c r="AJ85" s="39"/>
      <c r="AK85" s="39"/>
      <c r="AL85" s="39"/>
      <c r="AM85" s="39"/>
      <c r="AN85" s="39"/>
      <c r="AO85" s="39"/>
    </row>
    <row r="88" spans="1:46" s="2" customFormat="1" ht="3.75" customHeight="1">
      <c r="A88" s="212"/>
      <c r="B88" s="212"/>
      <c r="C88" s="212"/>
      <c r="D88" s="212"/>
      <c r="E88" s="212"/>
      <c r="F88" s="212"/>
      <c r="G88" s="212"/>
      <c r="H88" s="212"/>
      <c r="I88" s="212"/>
      <c r="J88" s="212"/>
      <c r="K88" s="212"/>
      <c r="L88" s="212"/>
      <c r="M88" s="212"/>
      <c r="N88" s="212"/>
      <c r="O88" s="212"/>
      <c r="P88" s="212"/>
      <c r="Q88" s="212"/>
      <c r="R88" s="212"/>
      <c r="S88" s="212"/>
      <c r="T88" s="212"/>
      <c r="U88" s="212"/>
      <c r="V88" s="212"/>
      <c r="W88" s="212"/>
      <c r="X88" s="212"/>
      <c r="Y88" s="212"/>
      <c r="Z88" s="212"/>
      <c r="AA88" s="212"/>
      <c r="AB88" s="212"/>
      <c r="AC88" s="212"/>
      <c r="AD88" s="212"/>
      <c r="AE88" s="212"/>
      <c r="AF88" s="212"/>
      <c r="AG88" s="212"/>
      <c r="AH88" s="212"/>
      <c r="AI88" s="212"/>
      <c r="AJ88" s="212"/>
      <c r="AK88" s="212"/>
      <c r="AL88" s="212"/>
      <c r="AM88" s="212"/>
      <c r="AN88" s="212"/>
      <c r="AO88" s="212"/>
      <c r="AP88" s="212"/>
      <c r="AQ88" s="212"/>
      <c r="AR88" s="211"/>
      <c r="AS88" s="211"/>
      <c r="AT88" s="211"/>
    </row>
    <row r="89" spans="1:46" s="2" customFormat="1" ht="11.25" customHeight="1">
      <c r="A89" s="5"/>
      <c r="B89" s="5"/>
      <c r="C89" s="5"/>
      <c r="D89" s="5"/>
      <c r="E89" s="5"/>
      <c r="F89" s="5"/>
      <c r="G89" s="5"/>
      <c r="H89" s="5"/>
      <c r="I89" s="5"/>
      <c r="J89" s="5"/>
      <c r="K89" s="5"/>
      <c r="L89" s="5"/>
      <c r="M89" s="5"/>
      <c r="N89" s="5"/>
      <c r="O89" s="5"/>
      <c r="P89" s="5"/>
      <c r="Q89" s="5"/>
      <c r="R89" s="5"/>
      <c r="S89" s="5"/>
      <c r="T89" s="5"/>
      <c r="U89" s="5"/>
      <c r="V89" s="5"/>
      <c r="W89" s="5"/>
      <c r="X89" s="5"/>
      <c r="Y89" s="5"/>
      <c r="Z89" s="5"/>
      <c r="AA89" s="5"/>
      <c r="AB89" s="5"/>
      <c r="AC89" s="5"/>
      <c r="AD89" s="5"/>
      <c r="AE89" s="5"/>
      <c r="AF89" s="5"/>
      <c r="AG89" s="5"/>
      <c r="AH89" s="5"/>
      <c r="AI89" s="5"/>
      <c r="AJ89" s="5"/>
      <c r="AK89" s="5"/>
      <c r="AL89" s="5"/>
      <c r="AM89" s="5"/>
      <c r="AN89" s="5"/>
      <c r="AO89" s="5"/>
      <c r="AP89" s="5"/>
      <c r="AQ89" s="5"/>
      <c r="AR89" s="7"/>
      <c r="AS89" s="7"/>
      <c r="AT89" s="7"/>
    </row>
    <row r="90" spans="1:46" s="2" customFormat="1" ht="26.25" customHeight="1">
      <c r="A90" s="210"/>
      <c r="B90" s="8" t="s">
        <v>720</v>
      </c>
      <c r="C90" s="209"/>
      <c r="D90" s="133" t="s">
        <v>1322</v>
      </c>
      <c r="E90" s="8"/>
      <c r="F90" s="8"/>
      <c r="G90" s="8"/>
      <c r="H90" s="8"/>
      <c r="I90" s="8"/>
      <c r="J90" s="8"/>
      <c r="K90" s="8"/>
      <c r="L90" s="8"/>
      <c r="M90" s="8"/>
      <c r="N90" s="8"/>
      <c r="O90" s="8"/>
      <c r="P90" s="8"/>
      <c r="Q90" s="8"/>
      <c r="R90" s="8"/>
      <c r="S90" s="8"/>
      <c r="T90" s="5"/>
      <c r="U90" s="5"/>
      <c r="V90" s="5"/>
      <c r="W90" s="5"/>
      <c r="X90" s="5"/>
      <c r="Y90" s="5"/>
      <c r="Z90" s="5"/>
      <c r="AA90" s="5"/>
      <c r="AB90" s="5"/>
      <c r="AC90" s="5"/>
      <c r="AD90" s="5"/>
      <c r="AE90" s="5"/>
      <c r="AF90" s="5"/>
      <c r="AG90" s="5"/>
      <c r="AH90" s="5"/>
      <c r="AI90" s="5"/>
      <c r="AJ90" s="5"/>
      <c r="AK90" s="5"/>
      <c r="AL90" s="5"/>
      <c r="AM90" s="5"/>
      <c r="AN90" s="5"/>
      <c r="AO90" s="208" t="s">
        <v>1</v>
      </c>
      <c r="AP90" s="5"/>
      <c r="AQ90" s="5"/>
      <c r="AR90" s="7"/>
      <c r="AS90" s="7"/>
      <c r="AT90" s="7"/>
    </row>
    <row r="91" spans="1:46" ht="14.25" customHeight="1">
      <c r="A91" s="233" t="s">
        <v>2</v>
      </c>
      <c r="B91" s="234"/>
      <c r="C91" s="239" t="s">
        <v>3</v>
      </c>
      <c r="D91" s="234"/>
      <c r="E91" s="239" t="s">
        <v>4</v>
      </c>
      <c r="F91" s="234"/>
      <c r="G91" s="242" t="s">
        <v>5</v>
      </c>
      <c r="H91" s="243"/>
      <c r="I91" s="243"/>
      <c r="J91" s="243"/>
      <c r="K91" s="243"/>
      <c r="L91" s="243"/>
      <c r="M91" s="243"/>
      <c r="N91" s="243"/>
      <c r="O91" s="243"/>
      <c r="P91" s="243"/>
      <c r="Q91" s="243"/>
      <c r="R91" s="243"/>
      <c r="S91" s="243"/>
      <c r="T91" s="290" t="s">
        <v>718</v>
      </c>
      <c r="U91" s="243" t="s">
        <v>717</v>
      </c>
      <c r="V91" s="243"/>
      <c r="W91" s="243"/>
      <c r="X91" s="244"/>
      <c r="Y91" s="275" t="s">
        <v>716</v>
      </c>
      <c r="Z91" s="239" t="s">
        <v>10</v>
      </c>
      <c r="AA91" s="251"/>
      <c r="AB91" s="251"/>
      <c r="AC91" s="251"/>
      <c r="AD91" s="251"/>
      <c r="AE91" s="251"/>
      <c r="AF91" s="251"/>
      <c r="AG91" s="251"/>
      <c r="AH91" s="251"/>
      <c r="AI91" s="251"/>
      <c r="AJ91" s="251"/>
      <c r="AK91" s="251"/>
      <c r="AL91" s="251"/>
      <c r="AM91" s="251"/>
      <c r="AN91" s="251"/>
      <c r="AO91" s="245"/>
      <c r="AP91" s="15"/>
      <c r="AQ91" s="15"/>
      <c r="AR91" s="16"/>
      <c r="AS91" s="16"/>
      <c r="AT91" s="16"/>
    </row>
    <row r="92" spans="1:46" ht="14.25" customHeight="1">
      <c r="A92" s="235"/>
      <c r="B92" s="236"/>
      <c r="C92" s="240"/>
      <c r="D92" s="236"/>
      <c r="E92" s="240"/>
      <c r="F92" s="236"/>
      <c r="G92" s="276" t="s">
        <v>11</v>
      </c>
      <c r="H92" s="254"/>
      <c r="I92" s="276" t="s">
        <v>12</v>
      </c>
      <c r="J92" s="254"/>
      <c r="K92" s="255" t="s">
        <v>715</v>
      </c>
      <c r="L92" s="279" t="s">
        <v>714</v>
      </c>
      <c r="M92" s="280"/>
      <c r="N92" s="258" t="s">
        <v>14</v>
      </c>
      <c r="O92" s="164"/>
      <c r="P92" s="261" t="s">
        <v>15</v>
      </c>
      <c r="Q92" s="261"/>
      <c r="R92" s="261"/>
      <c r="S92" s="261"/>
      <c r="T92" s="291"/>
      <c r="U92" s="285" t="s">
        <v>713</v>
      </c>
      <c r="V92" s="221"/>
      <c r="W92" s="258" t="s">
        <v>712</v>
      </c>
      <c r="X92" s="258" t="s">
        <v>711</v>
      </c>
      <c r="Y92" s="259"/>
      <c r="Z92" s="240"/>
      <c r="AA92" s="250"/>
      <c r="AB92" s="250"/>
      <c r="AC92" s="250"/>
      <c r="AD92" s="250"/>
      <c r="AE92" s="250"/>
      <c r="AF92" s="250"/>
      <c r="AG92" s="250"/>
      <c r="AH92" s="250"/>
      <c r="AI92" s="250"/>
      <c r="AJ92" s="250"/>
      <c r="AK92" s="250"/>
      <c r="AL92" s="250"/>
      <c r="AM92" s="250"/>
      <c r="AN92" s="250"/>
      <c r="AO92" s="246"/>
      <c r="AP92" s="15"/>
      <c r="AQ92" s="15"/>
      <c r="AR92" s="16"/>
      <c r="AS92" s="16"/>
      <c r="AT92" s="16"/>
    </row>
    <row r="93" spans="1:46" ht="4.5" customHeight="1">
      <c r="A93" s="235"/>
      <c r="B93" s="236"/>
      <c r="C93" s="240"/>
      <c r="D93" s="236"/>
      <c r="E93" s="240"/>
      <c r="F93" s="236"/>
      <c r="G93" s="240"/>
      <c r="H93" s="236"/>
      <c r="I93" s="240"/>
      <c r="J93" s="236"/>
      <c r="K93" s="277"/>
      <c r="L93" s="281"/>
      <c r="M93" s="282"/>
      <c r="N93" s="259"/>
      <c r="O93" s="165"/>
      <c r="P93" s="263" t="s">
        <v>16</v>
      </c>
      <c r="Q93" s="254"/>
      <c r="R93" s="253" t="s">
        <v>17</v>
      </c>
      <c r="S93" s="263"/>
      <c r="T93" s="291"/>
      <c r="U93" s="286"/>
      <c r="V93" s="287"/>
      <c r="W93" s="259"/>
      <c r="X93" s="259"/>
      <c r="Y93" s="259"/>
      <c r="Z93" s="240"/>
      <c r="AA93" s="250"/>
      <c r="AB93" s="250"/>
      <c r="AC93" s="250"/>
      <c r="AD93" s="250"/>
      <c r="AE93" s="250"/>
      <c r="AF93" s="250"/>
      <c r="AG93" s="250"/>
      <c r="AH93" s="250"/>
      <c r="AI93" s="250"/>
      <c r="AJ93" s="250"/>
      <c r="AK93" s="250"/>
      <c r="AL93" s="250"/>
      <c r="AM93" s="250"/>
      <c r="AN93" s="250"/>
      <c r="AO93" s="246"/>
      <c r="AP93" s="15"/>
      <c r="AQ93" s="15"/>
      <c r="AR93" s="16"/>
      <c r="AS93" s="16"/>
      <c r="AT93" s="16"/>
    </row>
    <row r="94" spans="1:46" ht="9" customHeight="1">
      <c r="A94" s="237"/>
      <c r="B94" s="238"/>
      <c r="C94" s="241"/>
      <c r="D94" s="238"/>
      <c r="E94" s="241"/>
      <c r="F94" s="238"/>
      <c r="G94" s="241"/>
      <c r="H94" s="238"/>
      <c r="I94" s="241"/>
      <c r="J94" s="238"/>
      <c r="K94" s="278"/>
      <c r="L94" s="283"/>
      <c r="M94" s="284"/>
      <c r="N94" s="260"/>
      <c r="O94" s="166"/>
      <c r="P94" s="252"/>
      <c r="Q94" s="238"/>
      <c r="R94" s="241"/>
      <c r="S94" s="252"/>
      <c r="T94" s="292"/>
      <c r="U94" s="288"/>
      <c r="V94" s="289"/>
      <c r="W94" s="260"/>
      <c r="X94" s="260"/>
      <c r="Y94" s="260"/>
      <c r="Z94" s="241"/>
      <c r="AA94" s="252"/>
      <c r="AB94" s="252"/>
      <c r="AC94" s="252"/>
      <c r="AD94" s="252"/>
      <c r="AE94" s="252"/>
      <c r="AF94" s="252"/>
      <c r="AG94" s="252"/>
      <c r="AH94" s="252"/>
      <c r="AI94" s="252"/>
      <c r="AJ94" s="252"/>
      <c r="AK94" s="252"/>
      <c r="AL94" s="252"/>
      <c r="AM94" s="252"/>
      <c r="AN94" s="252"/>
      <c r="AO94" s="247"/>
      <c r="AP94" s="15"/>
      <c r="AQ94" s="15"/>
      <c r="AR94" s="16"/>
      <c r="AS94" s="16"/>
      <c r="AT94" s="16"/>
    </row>
    <row r="95" spans="1:46" s="39" customFormat="1" ht="9" customHeight="1">
      <c r="A95" s="23"/>
      <c r="B95" s="24"/>
      <c r="C95" s="25"/>
      <c r="D95" s="24"/>
      <c r="E95" s="25"/>
      <c r="F95" s="24"/>
      <c r="G95" s="26"/>
      <c r="H95" s="27" t="s">
        <v>18</v>
      </c>
      <c r="I95" s="26"/>
      <c r="J95" s="27" t="s">
        <v>18</v>
      </c>
      <c r="K95" s="28" t="s">
        <v>18</v>
      </c>
      <c r="L95" s="26"/>
      <c r="M95" s="27" t="s">
        <v>18</v>
      </c>
      <c r="N95" s="29" t="s">
        <v>18</v>
      </c>
      <c r="O95" s="35"/>
      <c r="P95" s="35"/>
      <c r="Q95" s="27"/>
      <c r="R95" s="26"/>
      <c r="S95" s="35" t="s">
        <v>18</v>
      </c>
      <c r="T95" s="207" t="s">
        <v>18</v>
      </c>
      <c r="U95" s="35"/>
      <c r="V95" s="27" t="s">
        <v>18</v>
      </c>
      <c r="W95" s="28" t="s">
        <v>18</v>
      </c>
      <c r="X95" s="28" t="s">
        <v>18</v>
      </c>
      <c r="Y95" s="28" t="s">
        <v>18</v>
      </c>
      <c r="Z95" s="195"/>
      <c r="AA95" s="33"/>
      <c r="AB95" s="33"/>
      <c r="AC95" s="33"/>
      <c r="AD95" s="34"/>
      <c r="AE95" s="35"/>
      <c r="AF95" s="35"/>
      <c r="AG95" s="35"/>
      <c r="AH95" s="33"/>
      <c r="AI95" s="33"/>
      <c r="AJ95" s="33"/>
      <c r="AK95" s="33"/>
      <c r="AL95" s="34"/>
      <c r="AM95" s="35"/>
      <c r="AN95" s="35"/>
      <c r="AO95" s="36"/>
      <c r="AP95" s="37"/>
      <c r="AQ95" s="37"/>
      <c r="AR95" s="38"/>
      <c r="AS95" s="38"/>
      <c r="AT95" s="38"/>
    </row>
    <row r="96" spans="1:46" s="59" customFormat="1" ht="9.75" customHeight="1">
      <c r="A96" s="40"/>
      <c r="B96" s="193"/>
      <c r="C96" s="169"/>
      <c r="D96" s="193"/>
      <c r="E96" s="317" t="s">
        <v>26</v>
      </c>
      <c r="F96" s="287" t="s">
        <v>667</v>
      </c>
      <c r="G96" s="169"/>
      <c r="H96" s="44"/>
      <c r="I96" s="169"/>
      <c r="J96" s="44"/>
      <c r="K96" s="192"/>
      <c r="L96" s="169"/>
      <c r="M96" s="191"/>
      <c r="N96" s="45"/>
      <c r="O96" s="168"/>
      <c r="P96" s="168"/>
      <c r="Q96" s="41"/>
      <c r="R96" s="169"/>
      <c r="S96" s="168"/>
      <c r="T96" s="190"/>
      <c r="U96" s="168"/>
      <c r="V96" s="44"/>
      <c r="W96" s="45"/>
      <c r="X96" s="45"/>
      <c r="Y96" s="45"/>
      <c r="Z96" s="189" t="s">
        <v>1</v>
      </c>
      <c r="AA96" s="33"/>
      <c r="AB96" s="33"/>
      <c r="AC96" s="33"/>
      <c r="AD96" s="34"/>
      <c r="AE96" s="35"/>
      <c r="AF96" s="35"/>
      <c r="AG96" s="35"/>
      <c r="AH96" s="33"/>
      <c r="AI96" s="33"/>
      <c r="AJ96" s="33"/>
      <c r="AK96" s="33"/>
      <c r="AL96" s="34"/>
      <c r="AM96" s="35"/>
      <c r="AN96" s="35"/>
      <c r="AO96" s="36"/>
    </row>
    <row r="97" spans="1:41" s="59" customFormat="1" ht="9.75" customHeight="1">
      <c r="A97" s="40"/>
      <c r="B97" s="193"/>
      <c r="C97" s="169"/>
      <c r="D97" s="193"/>
      <c r="E97" s="219"/>
      <c r="F97" s="222"/>
      <c r="G97" s="169"/>
      <c r="H97" s="44" t="s">
        <v>1321</v>
      </c>
      <c r="I97" s="169" t="s">
        <v>23</v>
      </c>
      <c r="J97" s="44" t="s">
        <v>1320</v>
      </c>
      <c r="K97" s="192" t="s">
        <v>22</v>
      </c>
      <c r="L97" s="169"/>
      <c r="M97" s="191" t="s">
        <v>22</v>
      </c>
      <c r="N97" s="45" t="s">
        <v>1319</v>
      </c>
      <c r="O97" s="168"/>
      <c r="P97" s="168"/>
      <c r="Q97" s="41"/>
      <c r="R97" s="169"/>
      <c r="S97" s="168"/>
      <c r="T97" s="190" t="s">
        <v>1318</v>
      </c>
      <c r="U97" s="168"/>
      <c r="V97" s="44" t="s">
        <v>22</v>
      </c>
      <c r="W97" s="45" t="s">
        <v>22</v>
      </c>
      <c r="X97" s="45" t="s">
        <v>22</v>
      </c>
      <c r="Y97" s="45" t="s">
        <v>1317</v>
      </c>
      <c r="Z97" s="189"/>
      <c r="AA97" s="33"/>
      <c r="AB97" s="33"/>
      <c r="AC97" s="33"/>
      <c r="AD97" s="34"/>
      <c r="AE97" s="35"/>
      <c r="AF97" s="35"/>
      <c r="AG97" s="35"/>
      <c r="AH97" s="33"/>
      <c r="AI97" s="33"/>
      <c r="AJ97" s="33"/>
      <c r="AK97" s="33"/>
      <c r="AL97" s="34"/>
      <c r="AM97" s="35"/>
      <c r="AN97" s="35"/>
      <c r="AO97" s="36"/>
    </row>
    <row r="98" spans="1:41" s="59" customFormat="1" ht="9.75" customHeight="1">
      <c r="A98" s="40"/>
      <c r="B98" s="193"/>
      <c r="C98" s="169"/>
      <c r="D98" s="193"/>
      <c r="E98" s="219"/>
      <c r="F98" s="222"/>
      <c r="G98" s="169"/>
      <c r="H98" s="44"/>
      <c r="I98" s="169"/>
      <c r="J98" s="44"/>
      <c r="K98" s="192"/>
      <c r="L98" s="169"/>
      <c r="M98" s="191"/>
      <c r="N98" s="45"/>
      <c r="O98" s="168"/>
      <c r="P98" s="168"/>
      <c r="Q98" s="41"/>
      <c r="R98" s="169"/>
      <c r="S98" s="168"/>
      <c r="T98" s="190"/>
      <c r="U98" s="168"/>
      <c r="V98" s="44"/>
      <c r="W98" s="45"/>
      <c r="X98" s="45"/>
      <c r="Y98" s="45"/>
      <c r="Z98" s="189"/>
      <c r="AA98" s="33"/>
      <c r="AB98" s="33"/>
      <c r="AC98" s="33"/>
      <c r="AD98" s="34"/>
      <c r="AE98" s="35"/>
      <c r="AF98" s="35"/>
      <c r="AG98" s="35"/>
      <c r="AH98" s="33"/>
      <c r="AI98" s="33"/>
      <c r="AJ98" s="33"/>
      <c r="AK98" s="33"/>
      <c r="AL98" s="34"/>
      <c r="AM98" s="35"/>
      <c r="AN98" s="35"/>
      <c r="AO98" s="36"/>
    </row>
    <row r="99" spans="1:41" s="59" customFormat="1" ht="9.75" customHeight="1">
      <c r="A99" s="40"/>
      <c r="B99" s="194"/>
      <c r="C99" s="169"/>
      <c r="D99" s="193"/>
      <c r="E99" s="169"/>
      <c r="F99" s="170"/>
      <c r="G99" s="169"/>
      <c r="H99" s="44"/>
      <c r="I99" s="169"/>
      <c r="J99" s="44"/>
      <c r="K99" s="192"/>
      <c r="L99" s="169"/>
      <c r="M99" s="191"/>
      <c r="N99" s="45"/>
      <c r="O99" s="168"/>
      <c r="P99" s="227" t="s">
        <v>666</v>
      </c>
      <c r="Q99" s="221" t="s">
        <v>665</v>
      </c>
      <c r="R99" s="162"/>
      <c r="S99" s="167"/>
      <c r="T99" s="196"/>
      <c r="U99" s="167"/>
      <c r="V99" s="69"/>
      <c r="W99" s="70"/>
      <c r="X99" s="70"/>
      <c r="Y99" s="70"/>
      <c r="Z99" s="195" t="s">
        <v>1</v>
      </c>
      <c r="AA99" s="74"/>
      <c r="AB99" s="74"/>
      <c r="AC99" s="74"/>
      <c r="AD99" s="75"/>
      <c r="AE99" s="25"/>
      <c r="AF99" s="25"/>
      <c r="AG99" s="25"/>
      <c r="AH99" s="74"/>
      <c r="AI99" s="74"/>
      <c r="AJ99" s="74"/>
      <c r="AK99" s="74"/>
      <c r="AL99" s="75"/>
      <c r="AM99" s="25"/>
      <c r="AN99" s="25"/>
      <c r="AO99" s="32"/>
    </row>
    <row r="100" spans="1:41" s="59" customFormat="1" ht="9.75" customHeight="1">
      <c r="A100" s="40"/>
      <c r="B100" s="194"/>
      <c r="C100" s="169"/>
      <c r="D100" s="193"/>
      <c r="E100" s="169"/>
      <c r="F100" s="170"/>
      <c r="G100" s="169"/>
      <c r="H100" s="44"/>
      <c r="I100" s="169"/>
      <c r="J100" s="44"/>
      <c r="K100" s="192"/>
      <c r="L100" s="169"/>
      <c r="M100" s="191"/>
      <c r="N100" s="45"/>
      <c r="O100" s="168"/>
      <c r="P100" s="228"/>
      <c r="Q100" s="222"/>
      <c r="R100" s="169"/>
      <c r="S100" s="168" t="s">
        <v>1319</v>
      </c>
      <c r="T100" s="190" t="s">
        <v>1318</v>
      </c>
      <c r="U100" s="168"/>
      <c r="V100" s="44" t="s">
        <v>22</v>
      </c>
      <c r="W100" s="45" t="s">
        <v>22</v>
      </c>
      <c r="X100" s="45" t="s">
        <v>22</v>
      </c>
      <c r="Y100" s="45" t="s">
        <v>1317</v>
      </c>
      <c r="Z100" s="189"/>
      <c r="AA100" s="33"/>
      <c r="AB100" s="33"/>
      <c r="AC100" s="33"/>
      <c r="AD100" s="34"/>
      <c r="AE100" s="35"/>
      <c r="AF100" s="35"/>
      <c r="AG100" s="35"/>
      <c r="AH100" s="33"/>
      <c r="AI100" s="33"/>
      <c r="AJ100" s="33"/>
      <c r="AK100" s="33"/>
      <c r="AL100" s="34"/>
      <c r="AM100" s="35"/>
      <c r="AN100" s="35"/>
      <c r="AO100" s="36"/>
    </row>
    <row r="101" spans="1:41" s="59" customFormat="1" ht="9.75" customHeight="1">
      <c r="A101" s="40"/>
      <c r="B101" s="194"/>
      <c r="C101" s="172"/>
      <c r="D101" s="213"/>
      <c r="E101" s="172"/>
      <c r="F101" s="173"/>
      <c r="G101" s="172"/>
      <c r="H101" s="92"/>
      <c r="I101" s="172"/>
      <c r="J101" s="92"/>
      <c r="K101" s="202"/>
      <c r="L101" s="172"/>
      <c r="M101" s="201"/>
      <c r="N101" s="48"/>
      <c r="O101" s="174"/>
      <c r="P101" s="229"/>
      <c r="Q101" s="223"/>
      <c r="R101" s="172"/>
      <c r="S101" s="174"/>
      <c r="T101" s="200"/>
      <c r="U101" s="174"/>
      <c r="V101" s="92"/>
      <c r="W101" s="48"/>
      <c r="X101" s="48"/>
      <c r="Y101" s="48"/>
      <c r="Z101" s="199"/>
      <c r="AA101" s="95"/>
      <c r="AB101" s="95"/>
      <c r="AC101" s="95"/>
      <c r="AD101" s="96"/>
      <c r="AE101" s="97"/>
      <c r="AF101" s="97"/>
      <c r="AG101" s="97"/>
      <c r="AH101" s="95"/>
      <c r="AI101" s="95"/>
      <c r="AJ101" s="95"/>
      <c r="AK101" s="95"/>
      <c r="AL101" s="96"/>
      <c r="AM101" s="97"/>
      <c r="AN101" s="97"/>
      <c r="AO101" s="98"/>
    </row>
    <row r="102" spans="1:41" s="59" customFormat="1" ht="9.75" customHeight="1">
      <c r="A102" s="40"/>
      <c r="B102" s="170"/>
      <c r="C102" s="218" t="s">
        <v>26</v>
      </c>
      <c r="D102" s="221" t="s">
        <v>757</v>
      </c>
      <c r="E102" s="162"/>
      <c r="F102" s="163"/>
      <c r="G102" s="162"/>
      <c r="H102" s="69"/>
      <c r="I102" s="162"/>
      <c r="J102" s="69"/>
      <c r="K102" s="198"/>
      <c r="L102" s="162"/>
      <c r="M102" s="197"/>
      <c r="N102" s="70"/>
      <c r="O102" s="167"/>
      <c r="P102" s="167"/>
      <c r="Q102" s="68"/>
      <c r="R102" s="162"/>
      <c r="S102" s="167"/>
      <c r="T102" s="196"/>
      <c r="U102" s="167"/>
      <c r="V102" s="69"/>
      <c r="W102" s="70"/>
      <c r="X102" s="70"/>
      <c r="Y102" s="70"/>
      <c r="Z102" s="195" t="s">
        <v>1</v>
      </c>
      <c r="AA102" s="74"/>
      <c r="AB102" s="74"/>
      <c r="AC102" s="74"/>
      <c r="AD102" s="75"/>
      <c r="AE102" s="25"/>
      <c r="AF102" s="25"/>
      <c r="AG102" s="25"/>
      <c r="AH102" s="74"/>
      <c r="AI102" s="74"/>
      <c r="AJ102" s="74"/>
      <c r="AK102" s="74"/>
      <c r="AL102" s="75"/>
      <c r="AM102" s="25"/>
      <c r="AN102" s="25"/>
      <c r="AO102" s="32"/>
    </row>
    <row r="103" spans="1:41" s="59" customFormat="1" ht="9.75" customHeight="1">
      <c r="A103" s="40"/>
      <c r="B103" s="193"/>
      <c r="C103" s="219"/>
      <c r="D103" s="222"/>
      <c r="E103" s="169"/>
      <c r="F103" s="170"/>
      <c r="G103" s="169"/>
      <c r="H103" s="44" t="s">
        <v>59</v>
      </c>
      <c r="I103" s="169"/>
      <c r="J103" s="44" t="s">
        <v>22</v>
      </c>
      <c r="K103" s="192" t="s">
        <v>22</v>
      </c>
      <c r="L103" s="169"/>
      <c r="M103" s="191" t="s">
        <v>22</v>
      </c>
      <c r="N103" s="45" t="s">
        <v>59</v>
      </c>
      <c r="O103" s="168"/>
      <c r="P103" s="168"/>
      <c r="Q103" s="41"/>
      <c r="R103" s="169"/>
      <c r="S103" s="168"/>
      <c r="T103" s="190" t="s">
        <v>22</v>
      </c>
      <c r="U103" s="168"/>
      <c r="V103" s="44" t="s">
        <v>22</v>
      </c>
      <c r="W103" s="45" t="s">
        <v>22</v>
      </c>
      <c r="X103" s="45" t="s">
        <v>22</v>
      </c>
      <c r="Y103" s="45" t="s">
        <v>59</v>
      </c>
      <c r="Z103" s="189"/>
      <c r="AA103" s="33"/>
      <c r="AB103" s="33"/>
      <c r="AC103" s="33"/>
      <c r="AD103" s="34"/>
      <c r="AE103" s="35"/>
      <c r="AF103" s="35"/>
      <c r="AG103" s="35"/>
      <c r="AH103" s="33"/>
      <c r="AI103" s="33"/>
      <c r="AJ103" s="33"/>
      <c r="AK103" s="33"/>
      <c r="AL103" s="34"/>
      <c r="AM103" s="35"/>
      <c r="AN103" s="35"/>
      <c r="AO103" s="36"/>
    </row>
    <row r="104" spans="1:41" s="59" customFormat="1" ht="9.75" customHeight="1">
      <c r="A104" s="40"/>
      <c r="B104" s="193"/>
      <c r="C104" s="219"/>
      <c r="D104" s="222"/>
      <c r="E104" s="169"/>
      <c r="F104" s="170"/>
      <c r="G104" s="169"/>
      <c r="H104" s="44"/>
      <c r="I104" s="169"/>
      <c r="J104" s="44"/>
      <c r="K104" s="192"/>
      <c r="L104" s="169"/>
      <c r="M104" s="191"/>
      <c r="N104" s="45"/>
      <c r="O104" s="168"/>
      <c r="P104" s="168"/>
      <c r="Q104" s="41"/>
      <c r="R104" s="169"/>
      <c r="S104" s="168"/>
      <c r="T104" s="190"/>
      <c r="U104" s="168"/>
      <c r="V104" s="44"/>
      <c r="W104" s="45"/>
      <c r="X104" s="45"/>
      <c r="Y104" s="45"/>
      <c r="Z104" s="189"/>
      <c r="AA104" s="33"/>
      <c r="AB104" s="33"/>
      <c r="AC104" s="33"/>
      <c r="AD104" s="34"/>
      <c r="AE104" s="35"/>
      <c r="AF104" s="35"/>
      <c r="AG104" s="35"/>
      <c r="AH104" s="33"/>
      <c r="AI104" s="33"/>
      <c r="AJ104" s="33"/>
      <c r="AK104" s="33"/>
      <c r="AL104" s="34"/>
      <c r="AM104" s="35"/>
      <c r="AN104" s="35"/>
      <c r="AO104" s="36"/>
    </row>
    <row r="105" spans="1:41" s="59" customFormat="1" ht="9.75" customHeight="1">
      <c r="A105" s="40"/>
      <c r="B105" s="194"/>
      <c r="C105" s="169"/>
      <c r="D105" s="170"/>
      <c r="E105" s="218" t="s">
        <v>21</v>
      </c>
      <c r="F105" s="221" t="s">
        <v>757</v>
      </c>
      <c r="G105" s="162"/>
      <c r="H105" s="69"/>
      <c r="I105" s="162"/>
      <c r="J105" s="69"/>
      <c r="K105" s="198"/>
      <c r="L105" s="162"/>
      <c r="M105" s="197"/>
      <c r="N105" s="70"/>
      <c r="O105" s="167"/>
      <c r="P105" s="167"/>
      <c r="Q105" s="68"/>
      <c r="R105" s="162"/>
      <c r="S105" s="167"/>
      <c r="T105" s="196"/>
      <c r="U105" s="167"/>
      <c r="V105" s="69"/>
      <c r="W105" s="70"/>
      <c r="X105" s="70"/>
      <c r="Y105" s="70"/>
      <c r="Z105" s="195" t="s">
        <v>1</v>
      </c>
      <c r="AA105" s="74"/>
      <c r="AB105" s="74"/>
      <c r="AC105" s="74"/>
      <c r="AD105" s="75"/>
      <c r="AE105" s="25"/>
      <c r="AF105" s="25"/>
      <c r="AG105" s="25"/>
      <c r="AH105" s="74"/>
      <c r="AI105" s="74"/>
      <c r="AJ105" s="74"/>
      <c r="AK105" s="74"/>
      <c r="AL105" s="75"/>
      <c r="AM105" s="25"/>
      <c r="AN105" s="25"/>
      <c r="AO105" s="32"/>
    </row>
    <row r="106" spans="1:41" s="59" customFormat="1" ht="9.75" customHeight="1">
      <c r="A106" s="40"/>
      <c r="B106" s="194"/>
      <c r="C106" s="169"/>
      <c r="D106" s="193"/>
      <c r="E106" s="219"/>
      <c r="F106" s="222"/>
      <c r="G106" s="169"/>
      <c r="H106" s="44" t="s">
        <v>59</v>
      </c>
      <c r="I106" s="169"/>
      <c r="J106" s="44" t="s">
        <v>22</v>
      </c>
      <c r="K106" s="192" t="s">
        <v>22</v>
      </c>
      <c r="L106" s="169"/>
      <c r="M106" s="191" t="s">
        <v>22</v>
      </c>
      <c r="N106" s="45" t="s">
        <v>59</v>
      </c>
      <c r="O106" s="168"/>
      <c r="P106" s="168"/>
      <c r="Q106" s="170"/>
      <c r="R106" s="169"/>
      <c r="S106" s="168"/>
      <c r="T106" s="190" t="s">
        <v>22</v>
      </c>
      <c r="U106" s="168"/>
      <c r="V106" s="44" t="s">
        <v>22</v>
      </c>
      <c r="W106" s="45" t="s">
        <v>22</v>
      </c>
      <c r="X106" s="45" t="s">
        <v>22</v>
      </c>
      <c r="Y106" s="45" t="s">
        <v>59</v>
      </c>
      <c r="Z106" s="189"/>
      <c r="AA106" s="33"/>
      <c r="AB106" s="33"/>
      <c r="AC106" s="33"/>
      <c r="AD106" s="34"/>
      <c r="AE106" s="35"/>
      <c r="AF106" s="35"/>
      <c r="AG106" s="35"/>
      <c r="AH106" s="33"/>
      <c r="AI106" s="33"/>
      <c r="AJ106" s="33"/>
      <c r="AK106" s="33"/>
      <c r="AL106" s="34"/>
      <c r="AM106" s="35"/>
      <c r="AN106" s="35"/>
      <c r="AO106" s="36"/>
    </row>
    <row r="107" spans="1:41" s="59" customFormat="1" ht="9.75" customHeight="1">
      <c r="A107" s="40"/>
      <c r="B107" s="194"/>
      <c r="C107" s="169"/>
      <c r="D107" s="193"/>
      <c r="E107" s="220"/>
      <c r="F107" s="223"/>
      <c r="G107" s="169"/>
      <c r="H107" s="44"/>
      <c r="I107" s="169"/>
      <c r="J107" s="44"/>
      <c r="K107" s="192"/>
      <c r="L107" s="169"/>
      <c r="M107" s="191"/>
      <c r="N107" s="45"/>
      <c r="O107" s="168"/>
      <c r="P107" s="168"/>
      <c r="Q107" s="170"/>
      <c r="R107" s="169"/>
      <c r="S107" s="168"/>
      <c r="T107" s="190"/>
      <c r="U107" s="168"/>
      <c r="V107" s="44"/>
      <c r="W107" s="45"/>
      <c r="X107" s="45"/>
      <c r="Y107" s="45"/>
      <c r="Z107" s="189"/>
      <c r="AA107" s="33"/>
      <c r="AB107" s="33"/>
      <c r="AC107" s="33"/>
      <c r="AD107" s="34"/>
      <c r="AE107" s="35"/>
      <c r="AF107" s="35"/>
      <c r="AG107" s="35"/>
      <c r="AH107" s="33"/>
      <c r="AI107" s="33"/>
      <c r="AJ107" s="33"/>
      <c r="AK107" s="33"/>
      <c r="AL107" s="34"/>
      <c r="AM107" s="35"/>
      <c r="AN107" s="35"/>
      <c r="AO107" s="36"/>
    </row>
    <row r="108" spans="1:41" s="59" customFormat="1" ht="9.75" customHeight="1">
      <c r="A108" s="76"/>
      <c r="B108" s="188"/>
      <c r="C108" s="167"/>
      <c r="D108" s="188"/>
      <c r="E108" s="167"/>
      <c r="F108" s="68"/>
      <c r="G108" s="103"/>
      <c r="H108" s="104"/>
      <c r="I108" s="103"/>
      <c r="J108" s="104"/>
      <c r="K108" s="187"/>
      <c r="L108" s="103"/>
      <c r="M108" s="186"/>
      <c r="N108" s="105"/>
      <c r="O108" s="106"/>
      <c r="P108" s="106"/>
      <c r="Q108" s="65"/>
      <c r="R108" s="103"/>
      <c r="S108" s="106"/>
      <c r="T108" s="185"/>
      <c r="U108" s="106"/>
      <c r="V108" s="104"/>
      <c r="W108" s="105"/>
      <c r="X108" s="105"/>
      <c r="Y108" s="105"/>
      <c r="Z108" s="184" t="s">
        <v>1</v>
      </c>
      <c r="AA108" s="109"/>
      <c r="AB108" s="109"/>
      <c r="AC108" s="109"/>
      <c r="AD108" s="110"/>
      <c r="AE108" s="111"/>
      <c r="AF108" s="111"/>
      <c r="AG108" s="111"/>
      <c r="AH108" s="109"/>
      <c r="AI108" s="109"/>
      <c r="AJ108" s="109"/>
      <c r="AK108" s="109"/>
      <c r="AL108" s="110"/>
      <c r="AM108" s="111"/>
      <c r="AN108" s="111"/>
      <c r="AO108" s="112"/>
    </row>
    <row r="109" spans="1:41" s="59" customFormat="1" ht="9.75" customHeight="1">
      <c r="A109" s="248" t="s">
        <v>660</v>
      </c>
      <c r="B109" s="249"/>
      <c r="C109" s="250"/>
      <c r="D109" s="250"/>
      <c r="E109" s="250"/>
      <c r="F109" s="236"/>
      <c r="G109" s="273" t="s">
        <v>492</v>
      </c>
      <c r="H109" s="274"/>
      <c r="I109" s="52" t="s">
        <v>23</v>
      </c>
      <c r="J109" s="53" t="s">
        <v>493</v>
      </c>
      <c r="K109" s="54" t="s">
        <v>22</v>
      </c>
      <c r="L109" s="52"/>
      <c r="M109" s="53" t="s">
        <v>22</v>
      </c>
      <c r="N109" s="183" t="s">
        <v>494</v>
      </c>
      <c r="O109" s="182"/>
      <c r="P109" s="55"/>
      <c r="Q109" s="56"/>
      <c r="R109" s="52"/>
      <c r="S109" s="55"/>
      <c r="T109" s="181" t="s">
        <v>1316</v>
      </c>
      <c r="U109" s="55"/>
      <c r="V109" s="53" t="s">
        <v>22</v>
      </c>
      <c r="W109" s="54" t="s">
        <v>22</v>
      </c>
      <c r="X109" s="53" t="s">
        <v>22</v>
      </c>
      <c r="Y109" s="54" t="s">
        <v>1315</v>
      </c>
      <c r="Z109" s="180"/>
      <c r="AA109" s="61"/>
      <c r="AB109" s="61"/>
      <c r="AC109" s="61"/>
      <c r="AD109" s="61"/>
      <c r="AE109" s="62"/>
      <c r="AF109" s="62"/>
      <c r="AG109" s="62"/>
      <c r="AH109" s="60"/>
      <c r="AI109" s="60"/>
      <c r="AJ109" s="60"/>
      <c r="AK109" s="60"/>
      <c r="AL109" s="61"/>
      <c r="AM109" s="61"/>
      <c r="AN109" s="61"/>
      <c r="AO109" s="63"/>
    </row>
    <row r="110" spans="1:41" s="59" customFormat="1" ht="9.75" customHeight="1">
      <c r="A110" s="77"/>
      <c r="B110" s="179"/>
      <c r="C110" s="82"/>
      <c r="D110" s="179"/>
      <c r="E110" s="82"/>
      <c r="F110" s="78"/>
      <c r="G110" s="79"/>
      <c r="H110" s="80"/>
      <c r="I110" s="79"/>
      <c r="J110" s="80"/>
      <c r="K110" s="178"/>
      <c r="L110" s="79"/>
      <c r="M110" s="177"/>
      <c r="N110" s="81"/>
      <c r="O110" s="82"/>
      <c r="P110" s="82"/>
      <c r="Q110" s="78"/>
      <c r="R110" s="79"/>
      <c r="S110" s="82"/>
      <c r="T110" s="176"/>
      <c r="U110" s="82"/>
      <c r="V110" s="80"/>
      <c r="W110" s="81"/>
      <c r="X110" s="81"/>
      <c r="Y110" s="81"/>
      <c r="Z110" s="175"/>
      <c r="AA110" s="117"/>
      <c r="AB110" s="117"/>
      <c r="AC110" s="117"/>
      <c r="AD110" s="118"/>
      <c r="AE110" s="119"/>
      <c r="AF110" s="119"/>
      <c r="AG110" s="119"/>
      <c r="AH110" s="117"/>
      <c r="AI110" s="117"/>
      <c r="AJ110" s="117"/>
      <c r="AK110" s="117"/>
      <c r="AL110" s="118"/>
      <c r="AM110" s="119"/>
      <c r="AN110" s="119"/>
      <c r="AO110" s="120"/>
    </row>
    <row r="111" spans="1:41" ht="9.75" customHeight="1">
      <c r="A111" s="134"/>
      <c r="B111" s="135"/>
      <c r="C111" s="135"/>
      <c r="D111" s="135"/>
      <c r="E111" s="135"/>
      <c r="F111" s="135"/>
      <c r="G111" s="135"/>
      <c r="H111" s="135"/>
      <c r="I111" s="135"/>
      <c r="J111" s="135"/>
      <c r="K111" s="135"/>
      <c r="L111" s="135"/>
      <c r="M111" s="135"/>
      <c r="N111" s="135"/>
      <c r="O111" s="135"/>
      <c r="P111" s="135"/>
      <c r="Q111" s="135"/>
      <c r="R111" s="135"/>
      <c r="S111" s="135"/>
      <c r="T111" s="135"/>
      <c r="U111" s="135"/>
      <c r="V111" s="135"/>
      <c r="W111" s="135"/>
      <c r="X111" s="135"/>
      <c r="Y111" s="135"/>
      <c r="Z111" s="136"/>
      <c r="AA111" s="136"/>
      <c r="AB111" s="136"/>
      <c r="AC111" s="136"/>
      <c r="AD111" s="136"/>
      <c r="AE111" s="136"/>
      <c r="AF111" s="136"/>
      <c r="AG111" s="136"/>
      <c r="AH111" s="136"/>
      <c r="AI111" s="136"/>
      <c r="AJ111" s="136"/>
      <c r="AK111" s="136"/>
      <c r="AL111" s="136"/>
      <c r="AM111" s="136"/>
      <c r="AN111" s="136"/>
      <c r="AO111" s="137"/>
    </row>
    <row r="112" spans="1:41" ht="9.75" customHeight="1">
      <c r="A112" s="138"/>
      <c r="B112" s="139"/>
      <c r="C112" s="139"/>
      <c r="D112" s="139"/>
      <c r="E112" s="139"/>
      <c r="F112" s="139"/>
      <c r="G112" s="139"/>
      <c r="H112" s="139"/>
      <c r="I112" s="139"/>
      <c r="J112" s="139"/>
      <c r="K112" s="139"/>
      <c r="L112" s="139"/>
      <c r="M112" s="139"/>
      <c r="N112" s="139"/>
      <c r="O112" s="139"/>
      <c r="P112" s="139"/>
      <c r="Q112" s="139"/>
      <c r="R112" s="139"/>
      <c r="S112" s="139"/>
      <c r="T112" s="139"/>
      <c r="U112" s="139"/>
      <c r="V112" s="139"/>
      <c r="W112" s="139"/>
      <c r="X112" s="139"/>
      <c r="Y112" s="139"/>
      <c r="Z112" s="139"/>
      <c r="AA112" s="139"/>
      <c r="AB112" s="139"/>
      <c r="AC112" s="139"/>
      <c r="AD112" s="139"/>
      <c r="AE112" s="139"/>
      <c r="AF112" s="139"/>
      <c r="AG112" s="139"/>
      <c r="AH112" s="139"/>
      <c r="AI112" s="139"/>
      <c r="AJ112" s="139"/>
      <c r="AK112" s="139"/>
      <c r="AL112" s="139"/>
      <c r="AM112" s="139"/>
      <c r="AN112" s="139"/>
      <c r="AO112" s="140"/>
    </row>
    <row r="113" spans="1:41" ht="9.75" customHeight="1">
      <c r="A113" s="138"/>
      <c r="B113" s="139"/>
      <c r="C113" s="139"/>
      <c r="D113" s="139"/>
      <c r="E113" s="139"/>
      <c r="F113" s="139"/>
      <c r="G113" s="139"/>
      <c r="H113" s="139"/>
      <c r="I113" s="139"/>
      <c r="J113" s="139"/>
      <c r="K113" s="139"/>
      <c r="L113" s="139"/>
      <c r="M113" s="139"/>
      <c r="N113" s="139"/>
      <c r="O113" s="139"/>
      <c r="P113" s="139"/>
      <c r="Q113" s="139"/>
      <c r="R113" s="139"/>
      <c r="S113" s="139"/>
      <c r="T113" s="139"/>
      <c r="U113" s="139"/>
      <c r="V113" s="139"/>
      <c r="W113" s="139"/>
      <c r="X113" s="139"/>
      <c r="Y113" s="139"/>
      <c r="Z113" s="139"/>
      <c r="AA113" s="139"/>
      <c r="AB113" s="139"/>
      <c r="AC113" s="139"/>
      <c r="AD113" s="139"/>
      <c r="AE113" s="139"/>
      <c r="AF113" s="139"/>
      <c r="AG113" s="139"/>
      <c r="AH113" s="139"/>
      <c r="AI113" s="139"/>
      <c r="AJ113" s="139"/>
      <c r="AK113" s="139"/>
      <c r="AL113" s="139"/>
      <c r="AM113" s="139"/>
      <c r="AN113" s="139"/>
      <c r="AO113" s="140"/>
    </row>
    <row r="114" spans="1:41" ht="9.75" customHeight="1">
      <c r="A114" s="138"/>
      <c r="B114" s="139"/>
      <c r="C114" s="139"/>
      <c r="D114" s="139"/>
      <c r="E114" s="139"/>
      <c r="F114" s="139"/>
      <c r="G114" s="139"/>
      <c r="H114" s="139"/>
      <c r="I114" s="139"/>
      <c r="J114" s="139"/>
      <c r="K114" s="139"/>
      <c r="L114" s="139"/>
      <c r="M114" s="139"/>
      <c r="N114" s="139"/>
      <c r="O114" s="139"/>
      <c r="P114" s="139"/>
      <c r="Q114" s="139"/>
      <c r="R114" s="139"/>
      <c r="S114" s="139"/>
      <c r="T114" s="139"/>
      <c r="U114" s="139"/>
      <c r="V114" s="139"/>
      <c r="W114" s="139"/>
      <c r="X114" s="139"/>
      <c r="Y114" s="139"/>
      <c r="Z114" s="139"/>
      <c r="AA114" s="139"/>
      <c r="AB114" s="139"/>
      <c r="AC114" s="139"/>
      <c r="AD114" s="139"/>
      <c r="AE114" s="139"/>
      <c r="AF114" s="139"/>
      <c r="AG114" s="139"/>
      <c r="AH114" s="139"/>
      <c r="AI114" s="139"/>
      <c r="AJ114" s="139"/>
      <c r="AK114" s="139"/>
      <c r="AL114" s="139"/>
      <c r="AM114" s="139"/>
      <c r="AN114" s="139"/>
      <c r="AO114" s="140"/>
    </row>
    <row r="115" spans="1:41" ht="9.75" customHeight="1">
      <c r="A115" s="138"/>
      <c r="B115" s="139"/>
      <c r="C115" s="139"/>
      <c r="D115" s="139"/>
      <c r="E115" s="139"/>
      <c r="F115" s="139"/>
      <c r="G115" s="139"/>
      <c r="H115" s="139"/>
      <c r="I115" s="139"/>
      <c r="J115" s="139"/>
      <c r="K115" s="139"/>
      <c r="L115" s="139"/>
      <c r="M115" s="139"/>
      <c r="N115" s="139"/>
      <c r="O115" s="139"/>
      <c r="P115" s="139"/>
      <c r="Q115" s="139"/>
      <c r="R115" s="139"/>
      <c r="S115" s="139"/>
      <c r="T115" s="139"/>
      <c r="U115" s="139"/>
      <c r="V115" s="139"/>
      <c r="W115" s="139"/>
      <c r="X115" s="139"/>
      <c r="Y115" s="139"/>
      <c r="Z115" s="139"/>
      <c r="AA115" s="139"/>
      <c r="AB115" s="139"/>
      <c r="AC115" s="139"/>
      <c r="AD115" s="139"/>
      <c r="AE115" s="139"/>
      <c r="AF115" s="139"/>
      <c r="AG115" s="139"/>
      <c r="AH115" s="139"/>
      <c r="AI115" s="139"/>
      <c r="AJ115" s="139"/>
      <c r="AK115" s="139"/>
      <c r="AL115" s="139"/>
      <c r="AM115" s="139"/>
      <c r="AN115" s="139"/>
      <c r="AO115" s="140"/>
    </row>
    <row r="116" spans="1:41" ht="9.75" customHeight="1">
      <c r="A116" s="138"/>
      <c r="B116" s="139"/>
      <c r="C116" s="139"/>
      <c r="D116" s="139"/>
      <c r="E116" s="139"/>
      <c r="F116" s="139"/>
      <c r="G116" s="139"/>
      <c r="H116" s="139"/>
      <c r="I116" s="139"/>
      <c r="J116" s="139"/>
      <c r="K116" s="139"/>
      <c r="L116" s="139"/>
      <c r="M116" s="139"/>
      <c r="N116" s="139"/>
      <c r="O116" s="139"/>
      <c r="P116" s="139"/>
      <c r="Q116" s="139"/>
      <c r="R116" s="139"/>
      <c r="S116" s="139"/>
      <c r="T116" s="139"/>
      <c r="U116" s="139"/>
      <c r="V116" s="139"/>
      <c r="W116" s="139"/>
      <c r="X116" s="139"/>
      <c r="Y116" s="139"/>
      <c r="Z116" s="139"/>
      <c r="AA116" s="139"/>
      <c r="AB116" s="139"/>
      <c r="AC116" s="139"/>
      <c r="AD116" s="139"/>
      <c r="AE116" s="139"/>
      <c r="AF116" s="139"/>
      <c r="AG116" s="139"/>
      <c r="AH116" s="139"/>
      <c r="AI116" s="139"/>
      <c r="AJ116" s="139"/>
      <c r="AK116" s="139"/>
      <c r="AL116" s="139"/>
      <c r="AM116" s="139"/>
      <c r="AN116" s="139"/>
      <c r="AO116" s="140"/>
    </row>
    <row r="117" spans="1:41" ht="9.75" customHeight="1">
      <c r="A117" s="138"/>
      <c r="B117" s="139"/>
      <c r="C117" s="139"/>
      <c r="D117" s="139"/>
      <c r="E117" s="139"/>
      <c r="F117" s="139"/>
      <c r="G117" s="139"/>
      <c r="H117" s="139"/>
      <c r="I117" s="139"/>
      <c r="J117" s="139"/>
      <c r="K117" s="139"/>
      <c r="L117" s="139"/>
      <c r="M117" s="139"/>
      <c r="N117" s="139"/>
      <c r="O117" s="139"/>
      <c r="P117" s="139"/>
      <c r="Q117" s="139"/>
      <c r="R117" s="139"/>
      <c r="S117" s="139"/>
      <c r="T117" s="139"/>
      <c r="U117" s="139"/>
      <c r="V117" s="139"/>
      <c r="W117" s="139"/>
      <c r="X117" s="139"/>
      <c r="Y117" s="139"/>
      <c r="Z117" s="139"/>
      <c r="AA117" s="139"/>
      <c r="AB117" s="139"/>
      <c r="AC117" s="139"/>
      <c r="AD117" s="139"/>
      <c r="AE117" s="139"/>
      <c r="AF117" s="139"/>
      <c r="AG117" s="139"/>
      <c r="AH117" s="139"/>
      <c r="AI117" s="139"/>
      <c r="AJ117" s="139"/>
      <c r="AK117" s="139"/>
      <c r="AL117" s="139"/>
      <c r="AM117" s="139"/>
      <c r="AN117" s="139"/>
      <c r="AO117" s="140"/>
    </row>
    <row r="118" spans="1:41" ht="9.75" customHeight="1">
      <c r="A118" s="138"/>
      <c r="B118" s="139"/>
      <c r="C118" s="139"/>
      <c r="D118" s="139"/>
      <c r="E118" s="139"/>
      <c r="F118" s="139"/>
      <c r="G118" s="139"/>
      <c r="H118" s="139"/>
      <c r="I118" s="139"/>
      <c r="J118" s="139"/>
      <c r="K118" s="139"/>
      <c r="L118" s="139"/>
      <c r="M118" s="139"/>
      <c r="N118" s="139"/>
      <c r="O118" s="139"/>
      <c r="P118" s="139"/>
      <c r="Q118" s="139"/>
      <c r="R118" s="139"/>
      <c r="S118" s="139"/>
      <c r="T118" s="139"/>
      <c r="U118" s="139"/>
      <c r="V118" s="139"/>
      <c r="W118" s="139"/>
      <c r="X118" s="139"/>
      <c r="Y118" s="139"/>
      <c r="Z118" s="139"/>
      <c r="AA118" s="139"/>
      <c r="AB118" s="139"/>
      <c r="AC118" s="139"/>
      <c r="AD118" s="139"/>
      <c r="AE118" s="139"/>
      <c r="AF118" s="139"/>
      <c r="AG118" s="139"/>
      <c r="AH118" s="139"/>
      <c r="AI118" s="139"/>
      <c r="AJ118" s="139"/>
      <c r="AK118" s="139"/>
      <c r="AL118" s="139"/>
      <c r="AM118" s="139"/>
      <c r="AN118" s="139"/>
      <c r="AO118" s="140"/>
    </row>
    <row r="119" spans="1:41" ht="9.75" customHeight="1">
      <c r="A119" s="138"/>
      <c r="B119" s="139"/>
      <c r="C119" s="139"/>
      <c r="D119" s="139"/>
      <c r="E119" s="139"/>
      <c r="F119" s="139"/>
      <c r="G119" s="139"/>
      <c r="H119" s="139"/>
      <c r="I119" s="139"/>
      <c r="J119" s="139"/>
      <c r="K119" s="139"/>
      <c r="L119" s="139"/>
      <c r="M119" s="139"/>
      <c r="N119" s="139"/>
      <c r="O119" s="139"/>
      <c r="P119" s="139"/>
      <c r="Q119" s="139"/>
      <c r="R119" s="139"/>
      <c r="S119" s="139"/>
      <c r="T119" s="139"/>
      <c r="U119" s="139"/>
      <c r="V119" s="139"/>
      <c r="W119" s="139"/>
      <c r="X119" s="139"/>
      <c r="Y119" s="139"/>
      <c r="Z119" s="139"/>
      <c r="AA119" s="139"/>
      <c r="AB119" s="139"/>
      <c r="AC119" s="139"/>
      <c r="AD119" s="139"/>
      <c r="AE119" s="139"/>
      <c r="AF119" s="139"/>
      <c r="AG119" s="139"/>
      <c r="AH119" s="139"/>
      <c r="AI119" s="139"/>
      <c r="AJ119" s="139"/>
      <c r="AK119" s="139"/>
      <c r="AL119" s="139"/>
      <c r="AM119" s="139"/>
      <c r="AN119" s="139"/>
      <c r="AO119" s="140"/>
    </row>
    <row r="120" spans="1:41" ht="9.75" customHeight="1">
      <c r="A120" s="138"/>
      <c r="B120" s="139"/>
      <c r="C120" s="139"/>
      <c r="D120" s="139"/>
      <c r="E120" s="139"/>
      <c r="F120" s="139"/>
      <c r="G120" s="139"/>
      <c r="H120" s="139"/>
      <c r="I120" s="139"/>
      <c r="J120" s="139"/>
      <c r="K120" s="139"/>
      <c r="L120" s="139"/>
      <c r="M120" s="139"/>
      <c r="N120" s="139"/>
      <c r="O120" s="139"/>
      <c r="P120" s="139"/>
      <c r="Q120" s="139"/>
      <c r="R120" s="139"/>
      <c r="S120" s="139"/>
      <c r="T120" s="139"/>
      <c r="U120" s="139"/>
      <c r="V120" s="139"/>
      <c r="W120" s="139"/>
      <c r="X120" s="139"/>
      <c r="Y120" s="139"/>
      <c r="Z120" s="139"/>
      <c r="AA120" s="139"/>
      <c r="AB120" s="139"/>
      <c r="AC120" s="139"/>
      <c r="AD120" s="139"/>
      <c r="AE120" s="139"/>
      <c r="AF120" s="139"/>
      <c r="AG120" s="139"/>
      <c r="AH120" s="139"/>
      <c r="AI120" s="139"/>
      <c r="AJ120" s="139"/>
      <c r="AK120" s="139"/>
      <c r="AL120" s="139"/>
      <c r="AM120" s="139"/>
      <c r="AN120" s="139"/>
      <c r="AO120" s="140"/>
    </row>
    <row r="121" spans="1:41" ht="9.75" customHeight="1">
      <c r="A121" s="138"/>
      <c r="B121" s="139"/>
      <c r="C121" s="139"/>
      <c r="D121" s="139"/>
      <c r="E121" s="139"/>
      <c r="F121" s="139"/>
      <c r="G121" s="139"/>
      <c r="H121" s="139"/>
      <c r="I121" s="139"/>
      <c r="J121" s="139"/>
      <c r="K121" s="139"/>
      <c r="L121" s="139"/>
      <c r="M121" s="139"/>
      <c r="N121" s="139"/>
      <c r="O121" s="139"/>
      <c r="P121" s="139"/>
      <c r="Q121" s="139"/>
      <c r="R121" s="139"/>
      <c r="S121" s="139"/>
      <c r="T121" s="139"/>
      <c r="U121" s="139"/>
      <c r="V121" s="139"/>
      <c r="W121" s="139"/>
      <c r="X121" s="139"/>
      <c r="Y121" s="139"/>
      <c r="Z121" s="139"/>
      <c r="AA121" s="139"/>
      <c r="AB121" s="139"/>
      <c r="AC121" s="139"/>
      <c r="AD121" s="139"/>
      <c r="AE121" s="139"/>
      <c r="AF121" s="139"/>
      <c r="AG121" s="139"/>
      <c r="AH121" s="139"/>
      <c r="AI121" s="139"/>
      <c r="AJ121" s="139"/>
      <c r="AK121" s="139"/>
      <c r="AL121" s="139"/>
      <c r="AM121" s="139"/>
      <c r="AN121" s="139"/>
      <c r="AO121" s="140"/>
    </row>
    <row r="122" spans="1:41" ht="9.75" customHeight="1">
      <c r="A122" s="138"/>
      <c r="B122" s="139"/>
      <c r="C122" s="139"/>
      <c r="D122" s="139"/>
      <c r="E122" s="139"/>
      <c r="F122" s="139"/>
      <c r="G122" s="139"/>
      <c r="H122" s="139"/>
      <c r="I122" s="139"/>
      <c r="J122" s="139"/>
      <c r="K122" s="139"/>
      <c r="L122" s="139"/>
      <c r="M122" s="139"/>
      <c r="N122" s="139"/>
      <c r="O122" s="139"/>
      <c r="P122" s="139"/>
      <c r="Q122" s="139"/>
      <c r="R122" s="139"/>
      <c r="S122" s="139"/>
      <c r="T122" s="139"/>
      <c r="U122" s="139"/>
      <c r="V122" s="139"/>
      <c r="W122" s="139"/>
      <c r="X122" s="139"/>
      <c r="Y122" s="139"/>
      <c r="Z122" s="139"/>
      <c r="AA122" s="139"/>
      <c r="AB122" s="139"/>
      <c r="AC122" s="139"/>
      <c r="AD122" s="139"/>
      <c r="AE122" s="139"/>
      <c r="AF122" s="139"/>
      <c r="AG122" s="139"/>
      <c r="AH122" s="139"/>
      <c r="AI122" s="139"/>
      <c r="AJ122" s="139"/>
      <c r="AK122" s="139"/>
      <c r="AL122" s="139"/>
      <c r="AM122" s="139"/>
      <c r="AN122" s="139"/>
      <c r="AO122" s="140"/>
    </row>
    <row r="123" spans="1:41" ht="9.75" customHeight="1">
      <c r="A123" s="138"/>
      <c r="B123" s="139"/>
      <c r="C123" s="139"/>
      <c r="D123" s="139"/>
      <c r="E123" s="139"/>
      <c r="F123" s="139"/>
      <c r="G123" s="139"/>
      <c r="H123" s="139"/>
      <c r="I123" s="139"/>
      <c r="J123" s="139"/>
      <c r="K123" s="139"/>
      <c r="L123" s="139"/>
      <c r="M123" s="139"/>
      <c r="N123" s="139"/>
      <c r="O123" s="139"/>
      <c r="P123" s="139"/>
      <c r="Q123" s="139"/>
      <c r="R123" s="139"/>
      <c r="S123" s="139"/>
      <c r="T123" s="139"/>
      <c r="U123" s="139"/>
      <c r="V123" s="139"/>
      <c r="W123" s="139"/>
      <c r="X123" s="139"/>
      <c r="Y123" s="139"/>
      <c r="Z123" s="139"/>
      <c r="AA123" s="139"/>
      <c r="AB123" s="139"/>
      <c r="AC123" s="139"/>
      <c r="AD123" s="139"/>
      <c r="AE123" s="139"/>
      <c r="AF123" s="139"/>
      <c r="AG123" s="139"/>
      <c r="AH123" s="139"/>
      <c r="AI123" s="139"/>
      <c r="AJ123" s="139"/>
      <c r="AK123" s="139"/>
      <c r="AL123" s="139"/>
      <c r="AM123" s="139"/>
      <c r="AN123" s="139"/>
      <c r="AO123" s="140"/>
    </row>
    <row r="124" spans="1:41" ht="9.75" customHeight="1">
      <c r="A124" s="138"/>
      <c r="B124" s="139"/>
      <c r="C124" s="139"/>
      <c r="D124" s="139"/>
      <c r="E124" s="139"/>
      <c r="F124" s="139"/>
      <c r="G124" s="139"/>
      <c r="H124" s="139"/>
      <c r="I124" s="139"/>
      <c r="J124" s="139"/>
      <c r="K124" s="139"/>
      <c r="L124" s="139"/>
      <c r="M124" s="139"/>
      <c r="N124" s="139"/>
      <c r="O124" s="139"/>
      <c r="P124" s="139"/>
      <c r="Q124" s="139"/>
      <c r="R124" s="139"/>
      <c r="S124" s="139"/>
      <c r="T124" s="139"/>
      <c r="U124" s="139"/>
      <c r="V124" s="139"/>
      <c r="W124" s="139"/>
      <c r="X124" s="139"/>
      <c r="Y124" s="139"/>
      <c r="Z124" s="139"/>
      <c r="AA124" s="139"/>
      <c r="AB124" s="139"/>
      <c r="AC124" s="139"/>
      <c r="AD124" s="139"/>
      <c r="AE124" s="139"/>
      <c r="AF124" s="139"/>
      <c r="AG124" s="139"/>
      <c r="AH124" s="139"/>
      <c r="AI124" s="139"/>
      <c r="AJ124" s="139"/>
      <c r="AK124" s="139"/>
      <c r="AL124" s="139"/>
      <c r="AM124" s="139"/>
      <c r="AN124" s="139"/>
      <c r="AO124" s="140"/>
    </row>
    <row r="125" spans="1:41" ht="9.75" customHeight="1">
      <c r="A125" s="138"/>
      <c r="B125" s="139"/>
      <c r="C125" s="139"/>
      <c r="D125" s="139"/>
      <c r="E125" s="139"/>
      <c r="F125" s="139"/>
      <c r="G125" s="139"/>
      <c r="H125" s="139"/>
      <c r="I125" s="139"/>
      <c r="J125" s="139"/>
      <c r="K125" s="139"/>
      <c r="L125" s="139"/>
      <c r="M125" s="139"/>
      <c r="N125" s="139"/>
      <c r="O125" s="139"/>
      <c r="P125" s="139"/>
      <c r="Q125" s="139"/>
      <c r="R125" s="139"/>
      <c r="S125" s="139"/>
      <c r="T125" s="139"/>
      <c r="U125" s="139"/>
      <c r="V125" s="139"/>
      <c r="W125" s="139"/>
      <c r="X125" s="139"/>
      <c r="Y125" s="139"/>
      <c r="Z125" s="139"/>
      <c r="AA125" s="139"/>
      <c r="AB125" s="139"/>
      <c r="AC125" s="139"/>
      <c r="AD125" s="139"/>
      <c r="AE125" s="139"/>
      <c r="AF125" s="139"/>
      <c r="AG125" s="139"/>
      <c r="AH125" s="139"/>
      <c r="AI125" s="139"/>
      <c r="AJ125" s="139"/>
      <c r="AK125" s="139"/>
      <c r="AL125" s="139"/>
      <c r="AM125" s="139"/>
      <c r="AN125" s="139"/>
      <c r="AO125" s="140"/>
    </row>
    <row r="126" spans="1:41" ht="9.75" customHeight="1">
      <c r="A126" s="138"/>
      <c r="B126" s="139"/>
      <c r="C126" s="139"/>
      <c r="D126" s="139"/>
      <c r="E126" s="139"/>
      <c r="F126" s="139"/>
      <c r="G126" s="139"/>
      <c r="H126" s="139"/>
      <c r="I126" s="139"/>
      <c r="J126" s="139"/>
      <c r="K126" s="139"/>
      <c r="L126" s="139"/>
      <c r="M126" s="139"/>
      <c r="N126" s="139"/>
      <c r="O126" s="139"/>
      <c r="P126" s="139"/>
      <c r="Q126" s="139"/>
      <c r="R126" s="139"/>
      <c r="S126" s="139"/>
      <c r="T126" s="139"/>
      <c r="U126" s="139"/>
      <c r="V126" s="139"/>
      <c r="W126" s="139"/>
      <c r="X126" s="139"/>
      <c r="Y126" s="139"/>
      <c r="Z126" s="139"/>
      <c r="AA126" s="139"/>
      <c r="AB126" s="139"/>
      <c r="AC126" s="139"/>
      <c r="AD126" s="139"/>
      <c r="AE126" s="139"/>
      <c r="AF126" s="139"/>
      <c r="AG126" s="139"/>
      <c r="AH126" s="139"/>
      <c r="AI126" s="139"/>
      <c r="AJ126" s="139"/>
      <c r="AK126" s="139"/>
      <c r="AL126" s="139"/>
      <c r="AM126" s="139"/>
      <c r="AN126" s="139"/>
      <c r="AO126" s="140"/>
    </row>
    <row r="127" spans="1:41" ht="9.75" customHeight="1">
      <c r="A127" s="138"/>
      <c r="B127" s="139"/>
      <c r="C127" s="139"/>
      <c r="D127" s="139"/>
      <c r="E127" s="139"/>
      <c r="F127" s="139"/>
      <c r="G127" s="139"/>
      <c r="H127" s="139"/>
      <c r="I127" s="139"/>
      <c r="J127" s="139"/>
      <c r="K127" s="139"/>
      <c r="L127" s="139"/>
      <c r="M127" s="139"/>
      <c r="N127" s="139"/>
      <c r="O127" s="139"/>
      <c r="P127" s="139"/>
      <c r="Q127" s="139"/>
      <c r="R127" s="139"/>
      <c r="S127" s="139"/>
      <c r="T127" s="139"/>
      <c r="U127" s="139"/>
      <c r="V127" s="139"/>
      <c r="W127" s="139"/>
      <c r="X127" s="139"/>
      <c r="Y127" s="139"/>
      <c r="Z127" s="139"/>
      <c r="AA127" s="139"/>
      <c r="AB127" s="139"/>
      <c r="AC127" s="139"/>
      <c r="AD127" s="139"/>
      <c r="AE127" s="139"/>
      <c r="AF127" s="139"/>
      <c r="AG127" s="139"/>
      <c r="AH127" s="139"/>
      <c r="AI127" s="139"/>
      <c r="AJ127" s="139"/>
      <c r="AK127" s="139"/>
      <c r="AL127" s="139"/>
      <c r="AM127" s="139"/>
      <c r="AN127" s="139"/>
      <c r="AO127" s="140"/>
    </row>
    <row r="128" spans="1:41" ht="9.75" customHeight="1">
      <c r="A128" s="138"/>
      <c r="B128" s="139"/>
      <c r="C128" s="139"/>
      <c r="D128" s="139"/>
      <c r="E128" s="139"/>
      <c r="F128" s="139"/>
      <c r="G128" s="139"/>
      <c r="H128" s="139"/>
      <c r="I128" s="139"/>
      <c r="J128" s="139"/>
      <c r="K128" s="139"/>
      <c r="L128" s="139"/>
      <c r="M128" s="139"/>
      <c r="N128" s="139"/>
      <c r="O128" s="139"/>
      <c r="P128" s="139"/>
      <c r="Q128" s="139"/>
      <c r="R128" s="139"/>
      <c r="S128" s="139"/>
      <c r="T128" s="139"/>
      <c r="U128" s="139"/>
      <c r="V128" s="139"/>
      <c r="W128" s="139"/>
      <c r="X128" s="139"/>
      <c r="Y128" s="139"/>
      <c r="Z128" s="139"/>
      <c r="AA128" s="139"/>
      <c r="AB128" s="139"/>
      <c r="AC128" s="139"/>
      <c r="AD128" s="139"/>
      <c r="AE128" s="139"/>
      <c r="AF128" s="139"/>
      <c r="AG128" s="139"/>
      <c r="AH128" s="139"/>
      <c r="AI128" s="139"/>
      <c r="AJ128" s="139"/>
      <c r="AK128" s="139"/>
      <c r="AL128" s="139"/>
      <c r="AM128" s="139"/>
      <c r="AN128" s="139"/>
      <c r="AO128" s="140"/>
    </row>
    <row r="129" spans="1:41" ht="9.75" customHeight="1">
      <c r="A129" s="138"/>
      <c r="B129" s="139"/>
      <c r="C129" s="139"/>
      <c r="D129" s="139"/>
      <c r="E129" s="139"/>
      <c r="F129" s="139"/>
      <c r="G129" s="139"/>
      <c r="H129" s="139"/>
      <c r="I129" s="139"/>
      <c r="J129" s="139"/>
      <c r="K129" s="139"/>
      <c r="L129" s="139"/>
      <c r="M129" s="139"/>
      <c r="N129" s="139"/>
      <c r="O129" s="139"/>
      <c r="P129" s="139"/>
      <c r="Q129" s="139"/>
      <c r="R129" s="139"/>
      <c r="S129" s="139"/>
      <c r="T129" s="139"/>
      <c r="U129" s="139"/>
      <c r="V129" s="139"/>
      <c r="W129" s="139"/>
      <c r="X129" s="139"/>
      <c r="Y129" s="139"/>
      <c r="Z129" s="139"/>
      <c r="AA129" s="139"/>
      <c r="AB129" s="139"/>
      <c r="AC129" s="139"/>
      <c r="AD129" s="139"/>
      <c r="AE129" s="139"/>
      <c r="AF129" s="139"/>
      <c r="AG129" s="139"/>
      <c r="AH129" s="139"/>
      <c r="AI129" s="139"/>
      <c r="AJ129" s="139"/>
      <c r="AK129" s="139"/>
      <c r="AL129" s="139"/>
      <c r="AM129" s="139"/>
      <c r="AN129" s="139"/>
      <c r="AO129" s="140"/>
    </row>
    <row r="130" spans="1:41" ht="9.75" customHeight="1">
      <c r="A130" s="138"/>
      <c r="B130" s="139"/>
      <c r="C130" s="139"/>
      <c r="D130" s="139"/>
      <c r="E130" s="139"/>
      <c r="F130" s="139"/>
      <c r="G130" s="139"/>
      <c r="H130" s="139"/>
      <c r="I130" s="139"/>
      <c r="J130" s="139"/>
      <c r="K130" s="139"/>
      <c r="L130" s="139"/>
      <c r="M130" s="139"/>
      <c r="N130" s="139"/>
      <c r="O130" s="139"/>
      <c r="P130" s="139"/>
      <c r="Q130" s="139"/>
      <c r="R130" s="139"/>
      <c r="S130" s="139"/>
      <c r="T130" s="139"/>
      <c r="U130" s="139"/>
      <c r="V130" s="139"/>
      <c r="W130" s="139"/>
      <c r="X130" s="139"/>
      <c r="Y130" s="139"/>
      <c r="Z130" s="139"/>
      <c r="AA130" s="139"/>
      <c r="AB130" s="139"/>
      <c r="AC130" s="139"/>
      <c r="AD130" s="139"/>
      <c r="AE130" s="139"/>
      <c r="AF130" s="139"/>
      <c r="AG130" s="139"/>
      <c r="AH130" s="139"/>
      <c r="AI130" s="139"/>
      <c r="AJ130" s="139"/>
      <c r="AK130" s="139"/>
      <c r="AL130" s="139"/>
      <c r="AM130" s="139"/>
      <c r="AN130" s="139"/>
      <c r="AO130" s="140"/>
    </row>
    <row r="131" spans="1:41" ht="9.75" customHeight="1">
      <c r="A131" s="138"/>
      <c r="B131" s="139"/>
      <c r="C131" s="139"/>
      <c r="D131" s="139"/>
      <c r="E131" s="139"/>
      <c r="F131" s="139"/>
      <c r="G131" s="139"/>
      <c r="H131" s="139"/>
      <c r="I131" s="139"/>
      <c r="J131" s="139"/>
      <c r="K131" s="139"/>
      <c r="L131" s="139"/>
      <c r="M131" s="139"/>
      <c r="N131" s="139"/>
      <c r="O131" s="139"/>
      <c r="P131" s="139"/>
      <c r="Q131" s="139"/>
      <c r="R131" s="139"/>
      <c r="S131" s="139"/>
      <c r="T131" s="139"/>
      <c r="U131" s="139"/>
      <c r="V131" s="139"/>
      <c r="W131" s="139"/>
      <c r="X131" s="139"/>
      <c r="Y131" s="139"/>
      <c r="Z131" s="139"/>
      <c r="AA131" s="139"/>
      <c r="AB131" s="139"/>
      <c r="AC131" s="139"/>
      <c r="AD131" s="139"/>
      <c r="AE131" s="139"/>
      <c r="AF131" s="139"/>
      <c r="AG131" s="139"/>
      <c r="AH131" s="139"/>
      <c r="AI131" s="139"/>
      <c r="AJ131" s="139"/>
      <c r="AK131" s="139"/>
      <c r="AL131" s="139"/>
      <c r="AM131" s="139"/>
      <c r="AN131" s="139"/>
      <c r="AO131" s="140"/>
    </row>
    <row r="132" spans="1:41" ht="9.75" customHeight="1">
      <c r="A132" s="138"/>
      <c r="B132" s="139"/>
      <c r="C132" s="139"/>
      <c r="D132" s="139"/>
      <c r="E132" s="139"/>
      <c r="F132" s="139"/>
      <c r="G132" s="139"/>
      <c r="H132" s="139"/>
      <c r="I132" s="139"/>
      <c r="J132" s="139"/>
      <c r="K132" s="139"/>
      <c r="L132" s="139"/>
      <c r="M132" s="139"/>
      <c r="N132" s="139"/>
      <c r="O132" s="139"/>
      <c r="P132" s="139"/>
      <c r="Q132" s="139"/>
      <c r="R132" s="139"/>
      <c r="S132" s="139"/>
      <c r="T132" s="139"/>
      <c r="U132" s="139"/>
      <c r="V132" s="139"/>
      <c r="W132" s="139"/>
      <c r="X132" s="139"/>
      <c r="Y132" s="139"/>
      <c r="Z132" s="139"/>
      <c r="AA132" s="139"/>
      <c r="AB132" s="139"/>
      <c r="AC132" s="139"/>
      <c r="AD132" s="139"/>
      <c r="AE132" s="139"/>
      <c r="AF132" s="139"/>
      <c r="AG132" s="139"/>
      <c r="AH132" s="139"/>
      <c r="AI132" s="139"/>
      <c r="AJ132" s="139"/>
      <c r="AK132" s="139"/>
      <c r="AL132" s="139"/>
      <c r="AM132" s="139"/>
      <c r="AN132" s="139"/>
      <c r="AO132" s="140"/>
    </row>
    <row r="133" spans="1:41" ht="9.75" customHeight="1">
      <c r="A133" s="138"/>
      <c r="B133" s="139"/>
      <c r="C133" s="139"/>
      <c r="D133" s="139"/>
      <c r="E133" s="139"/>
      <c r="F133" s="139"/>
      <c r="G133" s="139"/>
      <c r="H133" s="139"/>
      <c r="I133" s="139"/>
      <c r="J133" s="139"/>
      <c r="K133" s="139"/>
      <c r="L133" s="139"/>
      <c r="M133" s="139"/>
      <c r="N133" s="139"/>
      <c r="O133" s="139"/>
      <c r="P133" s="139"/>
      <c r="Q133" s="139"/>
      <c r="R133" s="139"/>
      <c r="S133" s="139"/>
      <c r="T133" s="139"/>
      <c r="U133" s="139"/>
      <c r="V133" s="139"/>
      <c r="W133" s="139"/>
      <c r="X133" s="139"/>
      <c r="Y133" s="139"/>
      <c r="Z133" s="139"/>
      <c r="AA133" s="139"/>
      <c r="AB133" s="139"/>
      <c r="AC133" s="139"/>
      <c r="AD133" s="139"/>
      <c r="AE133" s="139"/>
      <c r="AF133" s="139"/>
      <c r="AG133" s="139"/>
      <c r="AH133" s="139"/>
      <c r="AI133" s="139"/>
      <c r="AJ133" s="139"/>
      <c r="AK133" s="139"/>
      <c r="AL133" s="139"/>
      <c r="AM133" s="139"/>
      <c r="AN133" s="139"/>
      <c r="AO133" s="140"/>
    </row>
    <row r="134" spans="1:41" ht="9.75" customHeight="1">
      <c r="A134" s="138"/>
      <c r="B134" s="139"/>
      <c r="C134" s="139"/>
      <c r="D134" s="139"/>
      <c r="E134" s="139"/>
      <c r="F134" s="139"/>
      <c r="G134" s="139"/>
      <c r="H134" s="139"/>
      <c r="I134" s="139"/>
      <c r="J134" s="139"/>
      <c r="K134" s="139"/>
      <c r="L134" s="139"/>
      <c r="M134" s="139"/>
      <c r="N134" s="139"/>
      <c r="O134" s="139"/>
      <c r="P134" s="139"/>
      <c r="Q134" s="139"/>
      <c r="R134" s="139"/>
      <c r="S134" s="139"/>
      <c r="T134" s="139"/>
      <c r="U134" s="139"/>
      <c r="V134" s="139"/>
      <c r="W134" s="139"/>
      <c r="X134" s="139"/>
      <c r="Y134" s="139"/>
      <c r="Z134" s="139"/>
      <c r="AA134" s="139"/>
      <c r="AB134" s="139"/>
      <c r="AC134" s="139"/>
      <c r="AD134" s="139"/>
      <c r="AE134" s="139"/>
      <c r="AF134" s="139"/>
      <c r="AG134" s="139"/>
      <c r="AH134" s="139"/>
      <c r="AI134" s="139"/>
      <c r="AJ134" s="139"/>
      <c r="AK134" s="139"/>
      <c r="AL134" s="139"/>
      <c r="AM134" s="139"/>
      <c r="AN134" s="139"/>
      <c r="AO134" s="140"/>
    </row>
    <row r="135" spans="1:41" ht="9.75" customHeight="1">
      <c r="A135" s="138"/>
      <c r="B135" s="139"/>
      <c r="C135" s="139"/>
      <c r="D135" s="139"/>
      <c r="E135" s="139"/>
      <c r="F135" s="139"/>
      <c r="G135" s="139"/>
      <c r="H135" s="139"/>
      <c r="I135" s="139"/>
      <c r="J135" s="139"/>
      <c r="K135" s="139"/>
      <c r="L135" s="139"/>
      <c r="M135" s="139"/>
      <c r="N135" s="139"/>
      <c r="O135" s="139"/>
      <c r="P135" s="139"/>
      <c r="Q135" s="139"/>
      <c r="R135" s="139"/>
      <c r="S135" s="139"/>
      <c r="T135" s="139"/>
      <c r="U135" s="139"/>
      <c r="V135" s="139"/>
      <c r="W135" s="139"/>
      <c r="X135" s="139"/>
      <c r="Y135" s="139"/>
      <c r="Z135" s="139"/>
      <c r="AA135" s="139"/>
      <c r="AB135" s="139"/>
      <c r="AC135" s="139"/>
      <c r="AD135" s="139"/>
      <c r="AE135" s="139"/>
      <c r="AF135" s="139"/>
      <c r="AG135" s="139"/>
      <c r="AH135" s="139"/>
      <c r="AI135" s="139"/>
      <c r="AJ135" s="139"/>
      <c r="AK135" s="139"/>
      <c r="AL135" s="139"/>
      <c r="AM135" s="139"/>
      <c r="AN135" s="139"/>
      <c r="AO135" s="140"/>
    </row>
    <row r="136" spans="1:41" ht="9.75" customHeight="1">
      <c r="A136" s="138"/>
      <c r="B136" s="139"/>
      <c r="C136" s="139"/>
      <c r="D136" s="139"/>
      <c r="E136" s="139"/>
      <c r="F136" s="139"/>
      <c r="G136" s="139"/>
      <c r="H136" s="139"/>
      <c r="I136" s="139"/>
      <c r="J136" s="139"/>
      <c r="K136" s="139"/>
      <c r="L136" s="139"/>
      <c r="M136" s="139"/>
      <c r="N136" s="139"/>
      <c r="O136" s="139"/>
      <c r="P136" s="139"/>
      <c r="Q136" s="139"/>
      <c r="R136" s="139"/>
      <c r="S136" s="139"/>
      <c r="T136" s="139"/>
      <c r="U136" s="139"/>
      <c r="V136" s="139"/>
      <c r="W136" s="139"/>
      <c r="X136" s="139"/>
      <c r="Y136" s="139"/>
      <c r="Z136" s="139"/>
      <c r="AA136" s="139"/>
      <c r="AB136" s="139"/>
      <c r="AC136" s="139"/>
      <c r="AD136" s="139"/>
      <c r="AE136" s="139"/>
      <c r="AF136" s="139"/>
      <c r="AG136" s="139"/>
      <c r="AH136" s="139"/>
      <c r="AI136" s="139"/>
      <c r="AJ136" s="139"/>
      <c r="AK136" s="139"/>
      <c r="AL136" s="139"/>
      <c r="AM136" s="139"/>
      <c r="AN136" s="139"/>
      <c r="AO136" s="140"/>
    </row>
    <row r="137" spans="1:41" ht="9.75" customHeight="1">
      <c r="A137" s="138"/>
      <c r="B137" s="139"/>
      <c r="C137" s="139"/>
      <c r="D137" s="139"/>
      <c r="E137" s="139"/>
      <c r="F137" s="139"/>
      <c r="G137" s="139"/>
      <c r="H137" s="139"/>
      <c r="I137" s="139"/>
      <c r="J137" s="139"/>
      <c r="K137" s="139"/>
      <c r="L137" s="139"/>
      <c r="M137" s="139"/>
      <c r="N137" s="139"/>
      <c r="O137" s="139"/>
      <c r="P137" s="139"/>
      <c r="Q137" s="139"/>
      <c r="R137" s="139"/>
      <c r="S137" s="139"/>
      <c r="T137" s="139"/>
      <c r="U137" s="139"/>
      <c r="V137" s="139"/>
      <c r="W137" s="139"/>
      <c r="X137" s="139"/>
      <c r="Y137" s="139"/>
      <c r="Z137" s="139"/>
      <c r="AA137" s="139"/>
      <c r="AB137" s="139"/>
      <c r="AC137" s="139"/>
      <c r="AD137" s="139"/>
      <c r="AE137" s="139"/>
      <c r="AF137" s="139"/>
      <c r="AG137" s="139"/>
      <c r="AH137" s="139"/>
      <c r="AI137" s="139"/>
      <c r="AJ137" s="139"/>
      <c r="AK137" s="139"/>
      <c r="AL137" s="139"/>
      <c r="AM137" s="139"/>
      <c r="AN137" s="139"/>
      <c r="AO137" s="140"/>
    </row>
    <row r="138" spans="1:41" ht="9.75" customHeight="1">
      <c r="A138" s="138"/>
      <c r="B138" s="139"/>
      <c r="C138" s="139"/>
      <c r="D138" s="139"/>
      <c r="E138" s="139"/>
      <c r="F138" s="139"/>
      <c r="G138" s="139"/>
      <c r="H138" s="139"/>
      <c r="I138" s="139"/>
      <c r="J138" s="139"/>
      <c r="K138" s="139"/>
      <c r="L138" s="139"/>
      <c r="M138" s="139"/>
      <c r="N138" s="139"/>
      <c r="O138" s="139"/>
      <c r="P138" s="139"/>
      <c r="Q138" s="139"/>
      <c r="R138" s="139"/>
      <c r="S138" s="139"/>
      <c r="T138" s="139"/>
      <c r="U138" s="139"/>
      <c r="V138" s="139"/>
      <c r="W138" s="139"/>
      <c r="X138" s="139"/>
      <c r="Y138" s="139"/>
      <c r="Z138" s="139"/>
      <c r="AA138" s="139"/>
      <c r="AB138" s="139"/>
      <c r="AC138" s="139"/>
      <c r="AD138" s="139"/>
      <c r="AE138" s="139"/>
      <c r="AF138" s="139"/>
      <c r="AG138" s="139"/>
      <c r="AH138" s="139"/>
      <c r="AI138" s="139"/>
      <c r="AJ138" s="139"/>
      <c r="AK138" s="139"/>
      <c r="AL138" s="139"/>
      <c r="AM138" s="139"/>
      <c r="AN138" s="139"/>
      <c r="AO138" s="140"/>
    </row>
    <row r="139" spans="1:41" ht="9.75" customHeight="1">
      <c r="A139" s="138"/>
      <c r="B139" s="139"/>
      <c r="C139" s="139"/>
      <c r="D139" s="139"/>
      <c r="E139" s="139"/>
      <c r="F139" s="139"/>
      <c r="G139" s="139"/>
      <c r="H139" s="139"/>
      <c r="I139" s="139"/>
      <c r="J139" s="139"/>
      <c r="K139" s="139"/>
      <c r="L139" s="139"/>
      <c r="M139" s="139"/>
      <c r="N139" s="139"/>
      <c r="O139" s="139"/>
      <c r="P139" s="139"/>
      <c r="Q139" s="139"/>
      <c r="R139" s="139"/>
      <c r="S139" s="139"/>
      <c r="T139" s="139"/>
      <c r="U139" s="139"/>
      <c r="V139" s="139"/>
      <c r="W139" s="139"/>
      <c r="X139" s="139"/>
      <c r="Y139" s="139"/>
      <c r="Z139" s="139"/>
      <c r="AA139" s="139"/>
      <c r="AB139" s="139"/>
      <c r="AC139" s="139"/>
      <c r="AD139" s="139"/>
      <c r="AE139" s="139"/>
      <c r="AF139" s="139"/>
      <c r="AG139" s="139"/>
      <c r="AH139" s="139"/>
      <c r="AI139" s="139"/>
      <c r="AJ139" s="139"/>
      <c r="AK139" s="139"/>
      <c r="AL139" s="139"/>
      <c r="AM139" s="139"/>
      <c r="AN139" s="139"/>
      <c r="AO139" s="140"/>
    </row>
    <row r="140" spans="1:41" ht="9.75" customHeight="1">
      <c r="A140" s="138"/>
      <c r="B140" s="139"/>
      <c r="C140" s="139"/>
      <c r="D140" s="139"/>
      <c r="E140" s="139"/>
      <c r="F140" s="139"/>
      <c r="G140" s="139"/>
      <c r="H140" s="139"/>
      <c r="I140" s="139"/>
      <c r="J140" s="139"/>
      <c r="K140" s="139"/>
      <c r="L140" s="139"/>
      <c r="M140" s="139"/>
      <c r="N140" s="139"/>
      <c r="O140" s="139"/>
      <c r="P140" s="139"/>
      <c r="Q140" s="139"/>
      <c r="R140" s="139"/>
      <c r="S140" s="139"/>
      <c r="T140" s="139"/>
      <c r="U140" s="139"/>
      <c r="V140" s="139"/>
      <c r="W140" s="139"/>
      <c r="X140" s="139"/>
      <c r="Y140" s="139"/>
      <c r="Z140" s="139"/>
      <c r="AA140" s="139"/>
      <c r="AB140" s="139"/>
      <c r="AC140" s="139"/>
      <c r="AD140" s="139"/>
      <c r="AE140" s="139"/>
      <c r="AF140" s="139"/>
      <c r="AG140" s="139"/>
      <c r="AH140" s="139"/>
      <c r="AI140" s="139"/>
      <c r="AJ140" s="139"/>
      <c r="AK140" s="139"/>
      <c r="AL140" s="139"/>
      <c r="AM140" s="139"/>
      <c r="AN140" s="139"/>
      <c r="AO140" s="140"/>
    </row>
    <row r="141" spans="1:41" ht="9.75" customHeight="1">
      <c r="A141" s="138"/>
      <c r="B141" s="139"/>
      <c r="C141" s="139"/>
      <c r="D141" s="139"/>
      <c r="E141" s="139"/>
      <c r="F141" s="139"/>
      <c r="G141" s="139"/>
      <c r="H141" s="139"/>
      <c r="I141" s="139"/>
      <c r="J141" s="139"/>
      <c r="K141" s="139"/>
      <c r="L141" s="139"/>
      <c r="M141" s="139"/>
      <c r="N141" s="139"/>
      <c r="O141" s="139"/>
      <c r="P141" s="139"/>
      <c r="Q141" s="139"/>
      <c r="R141" s="139"/>
      <c r="S141" s="139"/>
      <c r="T141" s="139"/>
      <c r="U141" s="139"/>
      <c r="V141" s="139"/>
      <c r="W141" s="139"/>
      <c r="X141" s="139"/>
      <c r="Y141" s="139"/>
      <c r="Z141" s="139"/>
      <c r="AA141" s="139"/>
      <c r="AB141" s="139"/>
      <c r="AC141" s="139"/>
      <c r="AD141" s="139"/>
      <c r="AE141" s="139"/>
      <c r="AF141" s="139"/>
      <c r="AG141" s="139"/>
      <c r="AH141" s="139"/>
      <c r="AI141" s="139"/>
      <c r="AJ141" s="139"/>
      <c r="AK141" s="139"/>
      <c r="AL141" s="139"/>
      <c r="AM141" s="139"/>
      <c r="AN141" s="139"/>
      <c r="AO141" s="140"/>
    </row>
    <row r="142" spans="1:41" ht="9.75" customHeight="1">
      <c r="A142" s="138"/>
      <c r="B142" s="139"/>
      <c r="C142" s="139"/>
      <c r="D142" s="139"/>
      <c r="E142" s="139"/>
      <c r="F142" s="139"/>
      <c r="G142" s="139"/>
      <c r="H142" s="139"/>
      <c r="I142" s="139"/>
      <c r="J142" s="139"/>
      <c r="K142" s="139"/>
      <c r="L142" s="139"/>
      <c r="M142" s="139"/>
      <c r="N142" s="139"/>
      <c r="O142" s="139"/>
      <c r="P142" s="139"/>
      <c r="Q142" s="139"/>
      <c r="R142" s="139"/>
      <c r="S142" s="139"/>
      <c r="T142" s="139"/>
      <c r="U142" s="139"/>
      <c r="V142" s="139"/>
      <c r="W142" s="139"/>
      <c r="X142" s="139"/>
      <c r="Y142" s="139"/>
      <c r="Z142" s="139"/>
      <c r="AA142" s="139"/>
      <c r="AB142" s="139"/>
      <c r="AC142" s="139"/>
      <c r="AD142" s="139"/>
      <c r="AE142" s="139"/>
      <c r="AF142" s="139"/>
      <c r="AG142" s="139"/>
      <c r="AH142" s="139"/>
      <c r="AI142" s="139"/>
      <c r="AJ142" s="139"/>
      <c r="AK142" s="139"/>
      <c r="AL142" s="139"/>
      <c r="AM142" s="139"/>
      <c r="AN142" s="139"/>
      <c r="AO142" s="140"/>
    </row>
    <row r="143" spans="1:41" ht="9.75" customHeight="1">
      <c r="A143" s="138"/>
      <c r="B143" s="139"/>
      <c r="C143" s="139"/>
      <c r="D143" s="139"/>
      <c r="E143" s="139"/>
      <c r="F143" s="139"/>
      <c r="G143" s="139"/>
      <c r="H143" s="139"/>
      <c r="I143" s="139"/>
      <c r="J143" s="139"/>
      <c r="K143" s="139"/>
      <c r="L143" s="139"/>
      <c r="M143" s="139"/>
      <c r="N143" s="139"/>
      <c r="O143" s="139"/>
      <c r="P143" s="139"/>
      <c r="Q143" s="139"/>
      <c r="R143" s="139"/>
      <c r="S143" s="139"/>
      <c r="T143" s="139"/>
      <c r="U143" s="139"/>
      <c r="V143" s="139"/>
      <c r="W143" s="139"/>
      <c r="X143" s="139"/>
      <c r="Y143" s="139"/>
      <c r="Z143" s="139"/>
      <c r="AA143" s="139"/>
      <c r="AB143" s="139"/>
      <c r="AC143" s="139"/>
      <c r="AD143" s="139"/>
      <c r="AE143" s="139"/>
      <c r="AF143" s="139"/>
      <c r="AG143" s="139"/>
      <c r="AH143" s="139"/>
      <c r="AI143" s="139"/>
      <c r="AJ143" s="139"/>
      <c r="AK143" s="139"/>
      <c r="AL143" s="139"/>
      <c r="AM143" s="139"/>
      <c r="AN143" s="139"/>
      <c r="AO143" s="140"/>
    </row>
    <row r="144" spans="1:41" ht="9.75" customHeight="1">
      <c r="A144" s="138"/>
      <c r="B144" s="139"/>
      <c r="C144" s="139"/>
      <c r="D144" s="139"/>
      <c r="E144" s="139"/>
      <c r="F144" s="139"/>
      <c r="G144" s="139"/>
      <c r="H144" s="139"/>
      <c r="I144" s="139"/>
      <c r="J144" s="139"/>
      <c r="K144" s="139"/>
      <c r="L144" s="139"/>
      <c r="M144" s="139"/>
      <c r="N144" s="139"/>
      <c r="O144" s="139"/>
      <c r="P144" s="139"/>
      <c r="Q144" s="139"/>
      <c r="R144" s="139"/>
      <c r="S144" s="139"/>
      <c r="T144" s="139"/>
      <c r="U144" s="139"/>
      <c r="V144" s="139"/>
      <c r="W144" s="139"/>
      <c r="X144" s="139"/>
      <c r="Y144" s="139"/>
      <c r="Z144" s="139"/>
      <c r="AA144" s="139"/>
      <c r="AB144" s="139"/>
      <c r="AC144" s="139"/>
      <c r="AD144" s="139"/>
      <c r="AE144" s="139"/>
      <c r="AF144" s="139"/>
      <c r="AG144" s="139"/>
      <c r="AH144" s="139"/>
      <c r="AI144" s="139"/>
      <c r="AJ144" s="139"/>
      <c r="AK144" s="139"/>
      <c r="AL144" s="139"/>
      <c r="AM144" s="139"/>
      <c r="AN144" s="139"/>
      <c r="AO144" s="140"/>
    </row>
    <row r="145" spans="1:41" ht="9.75" customHeight="1">
      <c r="A145" s="138"/>
      <c r="B145" s="139"/>
      <c r="C145" s="139"/>
      <c r="D145" s="139"/>
      <c r="E145" s="139"/>
      <c r="F145" s="139"/>
      <c r="G145" s="139"/>
      <c r="H145" s="139"/>
      <c r="I145" s="139"/>
      <c r="J145" s="139"/>
      <c r="K145" s="139"/>
      <c r="L145" s="139"/>
      <c r="M145" s="139"/>
      <c r="N145" s="139"/>
      <c r="O145" s="139"/>
      <c r="P145" s="139"/>
      <c r="Q145" s="139"/>
      <c r="R145" s="139"/>
      <c r="S145" s="139"/>
      <c r="T145" s="139"/>
      <c r="U145" s="139"/>
      <c r="V145" s="139"/>
      <c r="W145" s="139"/>
      <c r="X145" s="139"/>
      <c r="Y145" s="139"/>
      <c r="Z145" s="139"/>
      <c r="AA145" s="139"/>
      <c r="AB145" s="139"/>
      <c r="AC145" s="139"/>
      <c r="AD145" s="139"/>
      <c r="AE145" s="139"/>
      <c r="AF145" s="139"/>
      <c r="AG145" s="139"/>
      <c r="AH145" s="139"/>
      <c r="AI145" s="139"/>
      <c r="AJ145" s="139"/>
      <c r="AK145" s="139"/>
      <c r="AL145" s="139"/>
      <c r="AM145" s="139"/>
      <c r="AN145" s="139"/>
      <c r="AO145" s="140"/>
    </row>
    <row r="146" spans="1:41" ht="9.75" customHeight="1">
      <c r="A146" s="138"/>
      <c r="B146" s="139"/>
      <c r="C146" s="139"/>
      <c r="D146" s="139"/>
      <c r="E146" s="139"/>
      <c r="F146" s="139"/>
      <c r="G146" s="139"/>
      <c r="H146" s="139"/>
      <c r="I146" s="139"/>
      <c r="J146" s="139"/>
      <c r="K146" s="139"/>
      <c r="L146" s="139"/>
      <c r="M146" s="139"/>
      <c r="N146" s="139"/>
      <c r="O146" s="139"/>
      <c r="P146" s="139"/>
      <c r="Q146" s="139"/>
      <c r="R146" s="139"/>
      <c r="S146" s="139"/>
      <c r="T146" s="139"/>
      <c r="U146" s="139"/>
      <c r="V146" s="139"/>
      <c r="W146" s="139"/>
      <c r="X146" s="139"/>
      <c r="Y146" s="139"/>
      <c r="Z146" s="139"/>
      <c r="AA146" s="139"/>
      <c r="AB146" s="139"/>
      <c r="AC146" s="139"/>
      <c r="AD146" s="139"/>
      <c r="AE146" s="139"/>
      <c r="AF146" s="139"/>
      <c r="AG146" s="139"/>
      <c r="AH146" s="139"/>
      <c r="AI146" s="139"/>
      <c r="AJ146" s="139"/>
      <c r="AK146" s="139"/>
      <c r="AL146" s="139"/>
      <c r="AM146" s="139"/>
      <c r="AN146" s="139"/>
      <c r="AO146" s="140"/>
    </row>
    <row r="147" spans="1:41" ht="9.75" customHeight="1">
      <c r="A147" s="138"/>
      <c r="B147" s="139"/>
      <c r="C147" s="139"/>
      <c r="D147" s="139"/>
      <c r="E147" s="139"/>
      <c r="F147" s="139"/>
      <c r="G147" s="139"/>
      <c r="H147" s="139"/>
      <c r="I147" s="139"/>
      <c r="J147" s="139"/>
      <c r="K147" s="139"/>
      <c r="L147" s="139"/>
      <c r="M147" s="139"/>
      <c r="N147" s="139"/>
      <c r="O147" s="139"/>
      <c r="P147" s="139"/>
      <c r="Q147" s="139"/>
      <c r="R147" s="139"/>
      <c r="S147" s="139"/>
      <c r="T147" s="139"/>
      <c r="U147" s="139"/>
      <c r="V147" s="139"/>
      <c r="W147" s="139"/>
      <c r="X147" s="139"/>
      <c r="Y147" s="139"/>
      <c r="Z147" s="139"/>
      <c r="AA147" s="139"/>
      <c r="AB147" s="139"/>
      <c r="AC147" s="139"/>
      <c r="AD147" s="139"/>
      <c r="AE147" s="139"/>
      <c r="AF147" s="139"/>
      <c r="AG147" s="139"/>
      <c r="AH147" s="139"/>
      <c r="AI147" s="139"/>
      <c r="AJ147" s="139"/>
      <c r="AK147" s="139"/>
      <c r="AL147" s="139"/>
      <c r="AM147" s="139"/>
      <c r="AN147" s="139"/>
      <c r="AO147" s="140"/>
    </row>
    <row r="148" spans="1:41" ht="9.75" customHeight="1">
      <c r="A148" s="138"/>
      <c r="B148" s="139"/>
      <c r="C148" s="139"/>
      <c r="D148" s="139"/>
      <c r="E148" s="139"/>
      <c r="F148" s="139"/>
      <c r="G148" s="139"/>
      <c r="H148" s="139"/>
      <c r="I148" s="139"/>
      <c r="J148" s="139"/>
      <c r="K148" s="139"/>
      <c r="L148" s="139"/>
      <c r="M148" s="139"/>
      <c r="N148" s="139"/>
      <c r="O148" s="139"/>
      <c r="P148" s="139"/>
      <c r="Q148" s="139"/>
      <c r="R148" s="139"/>
      <c r="S148" s="139"/>
      <c r="T148" s="139"/>
      <c r="U148" s="139"/>
      <c r="V148" s="139"/>
      <c r="W148" s="139"/>
      <c r="X148" s="139"/>
      <c r="Y148" s="139"/>
      <c r="Z148" s="139"/>
      <c r="AA148" s="139"/>
      <c r="AB148" s="139"/>
      <c r="AC148" s="139"/>
      <c r="AD148" s="139"/>
      <c r="AE148" s="139"/>
      <c r="AF148" s="139"/>
      <c r="AG148" s="139"/>
      <c r="AH148" s="139"/>
      <c r="AI148" s="139"/>
      <c r="AJ148" s="139"/>
      <c r="AK148" s="139"/>
      <c r="AL148" s="139"/>
      <c r="AM148" s="139"/>
      <c r="AN148" s="139"/>
      <c r="AO148" s="140"/>
    </row>
    <row r="149" spans="1:41" ht="9.75" customHeight="1">
      <c r="A149" s="138"/>
      <c r="B149" s="139"/>
      <c r="C149" s="139"/>
      <c r="D149" s="139"/>
      <c r="E149" s="139"/>
      <c r="F149" s="139"/>
      <c r="G149" s="139"/>
      <c r="H149" s="139"/>
      <c r="I149" s="139"/>
      <c r="J149" s="139"/>
      <c r="K149" s="139"/>
      <c r="L149" s="139"/>
      <c r="M149" s="139"/>
      <c r="N149" s="139"/>
      <c r="O149" s="139"/>
      <c r="P149" s="139"/>
      <c r="Q149" s="139"/>
      <c r="R149" s="139"/>
      <c r="S149" s="139"/>
      <c r="T149" s="139"/>
      <c r="U149" s="139"/>
      <c r="V149" s="139"/>
      <c r="W149" s="139"/>
      <c r="X149" s="139"/>
      <c r="Y149" s="139"/>
      <c r="Z149" s="139"/>
      <c r="AA149" s="139"/>
      <c r="AB149" s="139"/>
      <c r="AC149" s="139"/>
      <c r="AD149" s="139"/>
      <c r="AE149" s="139"/>
      <c r="AF149" s="139"/>
      <c r="AG149" s="139"/>
      <c r="AH149" s="139"/>
      <c r="AI149" s="139"/>
      <c r="AJ149" s="139"/>
      <c r="AK149" s="139"/>
      <c r="AL149" s="139"/>
      <c r="AM149" s="139"/>
      <c r="AN149" s="139"/>
      <c r="AO149" s="140"/>
    </row>
    <row r="150" spans="1:41" ht="9.75" customHeight="1">
      <c r="A150" s="138"/>
      <c r="B150" s="139"/>
      <c r="C150" s="139"/>
      <c r="D150" s="139"/>
      <c r="E150" s="139"/>
      <c r="F150" s="139"/>
      <c r="G150" s="139"/>
      <c r="H150" s="139"/>
      <c r="I150" s="139"/>
      <c r="J150" s="139"/>
      <c r="K150" s="139"/>
      <c r="L150" s="139"/>
      <c r="M150" s="139"/>
      <c r="N150" s="139"/>
      <c r="O150" s="139"/>
      <c r="P150" s="139"/>
      <c r="Q150" s="139"/>
      <c r="R150" s="139"/>
      <c r="S150" s="139"/>
      <c r="T150" s="139"/>
      <c r="U150" s="139"/>
      <c r="V150" s="139"/>
      <c r="W150" s="139"/>
      <c r="X150" s="139"/>
      <c r="Y150" s="139"/>
      <c r="Z150" s="139"/>
      <c r="AA150" s="139"/>
      <c r="AB150" s="139"/>
      <c r="AC150" s="139"/>
      <c r="AD150" s="139"/>
      <c r="AE150" s="139"/>
      <c r="AF150" s="139"/>
      <c r="AG150" s="139"/>
      <c r="AH150" s="139"/>
      <c r="AI150" s="139"/>
      <c r="AJ150" s="139"/>
      <c r="AK150" s="139"/>
      <c r="AL150" s="139"/>
      <c r="AM150" s="139"/>
      <c r="AN150" s="139"/>
      <c r="AO150" s="140"/>
    </row>
    <row r="151" spans="1:41" ht="9.75" customHeight="1">
      <c r="A151" s="138"/>
      <c r="B151" s="139"/>
      <c r="C151" s="139"/>
      <c r="D151" s="139"/>
      <c r="E151" s="139"/>
      <c r="F151" s="139"/>
      <c r="G151" s="139"/>
      <c r="H151" s="139"/>
      <c r="I151" s="139"/>
      <c r="J151" s="139"/>
      <c r="K151" s="139"/>
      <c r="L151" s="139"/>
      <c r="M151" s="139"/>
      <c r="N151" s="139"/>
      <c r="O151" s="139"/>
      <c r="P151" s="139"/>
      <c r="Q151" s="139"/>
      <c r="R151" s="139"/>
      <c r="S151" s="139"/>
      <c r="T151" s="139"/>
      <c r="U151" s="139"/>
      <c r="V151" s="139"/>
      <c r="W151" s="139"/>
      <c r="X151" s="139"/>
      <c r="Y151" s="139"/>
      <c r="Z151" s="139"/>
      <c r="AA151" s="139"/>
      <c r="AB151" s="139"/>
      <c r="AC151" s="139"/>
      <c r="AD151" s="139"/>
      <c r="AE151" s="139"/>
      <c r="AF151" s="139"/>
      <c r="AG151" s="139"/>
      <c r="AH151" s="139"/>
      <c r="AI151" s="139"/>
      <c r="AJ151" s="139"/>
      <c r="AK151" s="139"/>
      <c r="AL151" s="139"/>
      <c r="AM151" s="139"/>
      <c r="AN151" s="139"/>
      <c r="AO151" s="140"/>
    </row>
    <row r="152" spans="1:41" ht="9.75" customHeight="1">
      <c r="A152" s="138"/>
      <c r="B152" s="139"/>
      <c r="C152" s="139"/>
      <c r="D152" s="139"/>
      <c r="E152" s="139"/>
      <c r="F152" s="139"/>
      <c r="G152" s="139"/>
      <c r="H152" s="139"/>
      <c r="I152" s="139"/>
      <c r="J152" s="139"/>
      <c r="K152" s="139"/>
      <c r="L152" s="139"/>
      <c r="M152" s="139"/>
      <c r="N152" s="139"/>
      <c r="O152" s="139"/>
      <c r="P152" s="139"/>
      <c r="Q152" s="139"/>
      <c r="R152" s="139"/>
      <c r="S152" s="139"/>
      <c r="T152" s="139"/>
      <c r="U152" s="139"/>
      <c r="V152" s="139"/>
      <c r="W152" s="139"/>
      <c r="X152" s="139"/>
      <c r="Y152" s="139"/>
      <c r="Z152" s="139"/>
      <c r="AA152" s="139"/>
      <c r="AB152" s="139"/>
      <c r="AC152" s="139"/>
      <c r="AD152" s="139"/>
      <c r="AE152" s="139"/>
      <c r="AF152" s="139"/>
      <c r="AG152" s="139"/>
      <c r="AH152" s="139"/>
      <c r="AI152" s="139"/>
      <c r="AJ152" s="139"/>
      <c r="AK152" s="139"/>
      <c r="AL152" s="139"/>
      <c r="AM152" s="139"/>
      <c r="AN152" s="139"/>
      <c r="AO152" s="140"/>
    </row>
    <row r="153" spans="1:41" ht="9.75" customHeight="1">
      <c r="A153" s="138"/>
      <c r="B153" s="139"/>
      <c r="C153" s="139"/>
      <c r="D153" s="139"/>
      <c r="E153" s="139"/>
      <c r="F153" s="139"/>
      <c r="G153" s="139"/>
      <c r="H153" s="139"/>
      <c r="I153" s="139"/>
      <c r="J153" s="139"/>
      <c r="K153" s="139"/>
      <c r="L153" s="139"/>
      <c r="M153" s="139"/>
      <c r="N153" s="139"/>
      <c r="O153" s="139"/>
      <c r="P153" s="139"/>
      <c r="Q153" s="139"/>
      <c r="R153" s="139"/>
      <c r="S153" s="139"/>
      <c r="T153" s="139"/>
      <c r="U153" s="139"/>
      <c r="V153" s="139"/>
      <c r="W153" s="139"/>
      <c r="X153" s="139"/>
      <c r="Y153" s="139"/>
      <c r="Z153" s="139"/>
      <c r="AA153" s="139"/>
      <c r="AB153" s="139"/>
      <c r="AC153" s="139"/>
      <c r="AD153" s="139"/>
      <c r="AE153" s="139"/>
      <c r="AF153" s="139"/>
      <c r="AG153" s="139"/>
      <c r="AH153" s="139"/>
      <c r="AI153" s="139"/>
      <c r="AJ153" s="139"/>
      <c r="AK153" s="139"/>
      <c r="AL153" s="139"/>
      <c r="AM153" s="139"/>
      <c r="AN153" s="139"/>
      <c r="AO153" s="140"/>
    </row>
    <row r="154" spans="1:41" ht="9.75" customHeight="1">
      <c r="A154" s="138"/>
      <c r="B154" s="139"/>
      <c r="C154" s="139"/>
      <c r="D154" s="139"/>
      <c r="E154" s="139"/>
      <c r="F154" s="139"/>
      <c r="G154" s="139"/>
      <c r="H154" s="139"/>
      <c r="I154" s="139"/>
      <c r="J154" s="139"/>
      <c r="K154" s="139"/>
      <c r="L154" s="139"/>
      <c r="M154" s="139"/>
      <c r="N154" s="139"/>
      <c r="O154" s="139"/>
      <c r="P154" s="139"/>
      <c r="Q154" s="139"/>
      <c r="R154" s="139"/>
      <c r="S154" s="139"/>
      <c r="T154" s="139"/>
      <c r="U154" s="139"/>
      <c r="V154" s="139"/>
      <c r="W154" s="139"/>
      <c r="X154" s="139"/>
      <c r="Y154" s="139"/>
      <c r="Z154" s="139"/>
      <c r="AA154" s="139"/>
      <c r="AB154" s="139"/>
      <c r="AC154" s="139"/>
      <c r="AD154" s="139"/>
      <c r="AE154" s="139"/>
      <c r="AF154" s="139"/>
      <c r="AG154" s="139"/>
      <c r="AH154" s="139"/>
      <c r="AI154" s="139"/>
      <c r="AJ154" s="139"/>
      <c r="AK154" s="139"/>
      <c r="AL154" s="139"/>
      <c r="AM154" s="139"/>
      <c r="AN154" s="139"/>
      <c r="AO154" s="140"/>
    </row>
    <row r="155" spans="1:41" ht="9.75" customHeight="1">
      <c r="A155" s="138"/>
      <c r="B155" s="139"/>
      <c r="C155" s="139"/>
      <c r="D155" s="139"/>
      <c r="E155" s="139"/>
      <c r="F155" s="139"/>
      <c r="G155" s="139"/>
      <c r="H155" s="139"/>
      <c r="I155" s="139"/>
      <c r="J155" s="139"/>
      <c r="K155" s="139"/>
      <c r="L155" s="139"/>
      <c r="M155" s="139"/>
      <c r="N155" s="139"/>
      <c r="O155" s="139"/>
      <c r="P155" s="139"/>
      <c r="Q155" s="139"/>
      <c r="R155" s="139"/>
      <c r="S155" s="139"/>
      <c r="T155" s="139"/>
      <c r="U155" s="139"/>
      <c r="V155" s="139"/>
      <c r="W155" s="139"/>
      <c r="X155" s="139"/>
      <c r="Y155" s="139"/>
      <c r="Z155" s="139"/>
      <c r="AA155" s="139"/>
      <c r="AB155" s="139"/>
      <c r="AC155" s="139"/>
      <c r="AD155" s="139"/>
      <c r="AE155" s="139"/>
      <c r="AF155" s="139"/>
      <c r="AG155" s="139"/>
      <c r="AH155" s="139"/>
      <c r="AI155" s="139"/>
      <c r="AJ155" s="139"/>
      <c r="AK155" s="139"/>
      <c r="AL155" s="139"/>
      <c r="AM155" s="139"/>
      <c r="AN155" s="139"/>
      <c r="AO155" s="140"/>
    </row>
    <row r="156" spans="1:41" ht="9.75" customHeight="1">
      <c r="A156" s="138"/>
      <c r="B156" s="139"/>
      <c r="C156" s="139"/>
      <c r="D156" s="139"/>
      <c r="E156" s="139"/>
      <c r="F156" s="139"/>
      <c r="G156" s="139"/>
      <c r="H156" s="139"/>
      <c r="I156" s="139"/>
      <c r="J156" s="139"/>
      <c r="K156" s="139"/>
      <c r="L156" s="139"/>
      <c r="M156" s="139"/>
      <c r="N156" s="139"/>
      <c r="O156" s="139"/>
      <c r="P156" s="139"/>
      <c r="Q156" s="139"/>
      <c r="R156" s="139"/>
      <c r="S156" s="139"/>
      <c r="T156" s="139"/>
      <c r="U156" s="139"/>
      <c r="V156" s="139"/>
      <c r="W156" s="139"/>
      <c r="X156" s="139"/>
      <c r="Y156" s="139"/>
      <c r="Z156" s="139"/>
      <c r="AA156" s="139"/>
      <c r="AB156" s="139"/>
      <c r="AC156" s="139"/>
      <c r="AD156" s="139"/>
      <c r="AE156" s="139"/>
      <c r="AF156" s="139"/>
      <c r="AG156" s="139"/>
      <c r="AH156" s="139"/>
      <c r="AI156" s="139"/>
      <c r="AJ156" s="139"/>
      <c r="AK156" s="139"/>
      <c r="AL156" s="139"/>
      <c r="AM156" s="139"/>
      <c r="AN156" s="139"/>
      <c r="AO156" s="140"/>
    </row>
    <row r="157" spans="1:41" ht="9.75" customHeight="1">
      <c r="A157" s="138"/>
      <c r="B157" s="139"/>
      <c r="C157" s="139"/>
      <c r="D157" s="139"/>
      <c r="E157" s="139"/>
      <c r="F157" s="139"/>
      <c r="G157" s="139"/>
      <c r="H157" s="139"/>
      <c r="I157" s="139"/>
      <c r="J157" s="139"/>
      <c r="K157" s="139"/>
      <c r="L157" s="139"/>
      <c r="M157" s="139"/>
      <c r="N157" s="139"/>
      <c r="O157" s="139"/>
      <c r="P157" s="139"/>
      <c r="Q157" s="139"/>
      <c r="R157" s="139"/>
      <c r="S157" s="139"/>
      <c r="T157" s="139"/>
      <c r="U157" s="139"/>
      <c r="V157" s="139"/>
      <c r="W157" s="139"/>
      <c r="X157" s="139"/>
      <c r="Y157" s="139"/>
      <c r="Z157" s="139"/>
      <c r="AA157" s="139"/>
      <c r="AB157" s="139"/>
      <c r="AC157" s="139"/>
      <c r="AD157" s="139"/>
      <c r="AE157" s="139"/>
      <c r="AF157" s="139"/>
      <c r="AG157" s="139"/>
      <c r="AH157" s="139"/>
      <c r="AI157" s="139"/>
      <c r="AJ157" s="139"/>
      <c r="AK157" s="139"/>
      <c r="AL157" s="139"/>
      <c r="AM157" s="139"/>
      <c r="AN157" s="139"/>
      <c r="AO157" s="140"/>
    </row>
    <row r="158" spans="1:41" ht="9.75" customHeight="1">
      <c r="A158" s="138"/>
      <c r="B158" s="139"/>
      <c r="C158" s="139"/>
      <c r="D158" s="139"/>
      <c r="E158" s="139"/>
      <c r="F158" s="139"/>
      <c r="G158" s="139"/>
      <c r="H158" s="139"/>
      <c r="I158" s="139"/>
      <c r="J158" s="139"/>
      <c r="K158" s="139"/>
      <c r="L158" s="139"/>
      <c r="M158" s="139"/>
      <c r="N158" s="139"/>
      <c r="O158" s="139"/>
      <c r="P158" s="139"/>
      <c r="Q158" s="139"/>
      <c r="R158" s="139"/>
      <c r="S158" s="139"/>
      <c r="T158" s="139"/>
      <c r="U158" s="139"/>
      <c r="V158" s="139"/>
      <c r="W158" s="139"/>
      <c r="X158" s="139"/>
      <c r="Y158" s="139"/>
      <c r="Z158" s="139"/>
      <c r="AA158" s="139"/>
      <c r="AB158" s="139"/>
      <c r="AC158" s="139"/>
      <c r="AD158" s="139"/>
      <c r="AE158" s="139"/>
      <c r="AF158" s="139"/>
      <c r="AG158" s="139"/>
      <c r="AH158" s="139"/>
      <c r="AI158" s="139"/>
      <c r="AJ158" s="139"/>
      <c r="AK158" s="139"/>
      <c r="AL158" s="139"/>
      <c r="AM158" s="139"/>
      <c r="AN158" s="139"/>
      <c r="AO158" s="140"/>
    </row>
    <row r="159" spans="1:41" ht="9.75" customHeight="1">
      <c r="A159" s="138"/>
      <c r="B159" s="139"/>
      <c r="C159" s="139"/>
      <c r="D159" s="139"/>
      <c r="E159" s="139"/>
      <c r="F159" s="139"/>
      <c r="G159" s="139"/>
      <c r="H159" s="139"/>
      <c r="I159" s="139"/>
      <c r="J159" s="139"/>
      <c r="K159" s="139"/>
      <c r="L159" s="139"/>
      <c r="M159" s="139"/>
      <c r="N159" s="139"/>
      <c r="O159" s="139"/>
      <c r="P159" s="139"/>
      <c r="Q159" s="139"/>
      <c r="R159" s="139"/>
      <c r="S159" s="139"/>
      <c r="T159" s="139"/>
      <c r="U159" s="139"/>
      <c r="V159" s="139"/>
      <c r="W159" s="139"/>
      <c r="X159" s="139"/>
      <c r="Y159" s="139"/>
      <c r="Z159" s="139"/>
      <c r="AA159" s="139"/>
      <c r="AB159" s="139"/>
      <c r="AC159" s="139"/>
      <c r="AD159" s="139"/>
      <c r="AE159" s="139"/>
      <c r="AF159" s="139"/>
      <c r="AG159" s="139"/>
      <c r="AH159" s="139"/>
      <c r="AI159" s="139"/>
      <c r="AJ159" s="139"/>
      <c r="AK159" s="139"/>
      <c r="AL159" s="139"/>
      <c r="AM159" s="139"/>
      <c r="AN159" s="139"/>
      <c r="AO159" s="140"/>
    </row>
    <row r="160" spans="1:41" ht="9.75" customHeight="1">
      <c r="A160" s="138"/>
      <c r="B160" s="139"/>
      <c r="C160" s="139"/>
      <c r="D160" s="139"/>
      <c r="E160" s="139"/>
      <c r="F160" s="139"/>
      <c r="G160" s="139"/>
      <c r="H160" s="139"/>
      <c r="I160" s="139"/>
      <c r="J160" s="139"/>
      <c r="K160" s="139"/>
      <c r="L160" s="139"/>
      <c r="M160" s="139"/>
      <c r="N160" s="139"/>
      <c r="O160" s="139"/>
      <c r="P160" s="139"/>
      <c r="Q160" s="139"/>
      <c r="R160" s="139"/>
      <c r="S160" s="139"/>
      <c r="T160" s="139"/>
      <c r="U160" s="139"/>
      <c r="V160" s="139"/>
      <c r="W160" s="139"/>
      <c r="X160" s="139"/>
      <c r="Y160" s="139"/>
      <c r="Z160" s="139"/>
      <c r="AA160" s="139"/>
      <c r="AB160" s="139"/>
      <c r="AC160" s="139"/>
      <c r="AD160" s="139"/>
      <c r="AE160" s="139"/>
      <c r="AF160" s="139"/>
      <c r="AG160" s="139"/>
      <c r="AH160" s="139"/>
      <c r="AI160" s="139"/>
      <c r="AJ160" s="139"/>
      <c r="AK160" s="139"/>
      <c r="AL160" s="139"/>
      <c r="AM160" s="139"/>
      <c r="AN160" s="139"/>
      <c r="AO160" s="140"/>
    </row>
    <row r="161" spans="1:41" ht="9.75" customHeight="1">
      <c r="A161" s="138"/>
      <c r="B161" s="139"/>
      <c r="C161" s="139"/>
      <c r="D161" s="139"/>
      <c r="E161" s="139"/>
      <c r="F161" s="139"/>
      <c r="G161" s="139"/>
      <c r="H161" s="139"/>
      <c r="I161" s="139"/>
      <c r="J161" s="139"/>
      <c r="K161" s="139"/>
      <c r="L161" s="139"/>
      <c r="M161" s="139"/>
      <c r="N161" s="139"/>
      <c r="O161" s="139"/>
      <c r="P161" s="139"/>
      <c r="Q161" s="139"/>
      <c r="R161" s="139"/>
      <c r="S161" s="139"/>
      <c r="T161" s="139"/>
      <c r="U161" s="139"/>
      <c r="V161" s="139"/>
      <c r="W161" s="139"/>
      <c r="X161" s="139"/>
      <c r="Y161" s="139"/>
      <c r="Z161" s="139"/>
      <c r="AA161" s="139"/>
      <c r="AB161" s="139"/>
      <c r="AC161" s="139"/>
      <c r="AD161" s="139"/>
      <c r="AE161" s="139"/>
      <c r="AF161" s="139"/>
      <c r="AG161" s="139"/>
      <c r="AH161" s="139"/>
      <c r="AI161" s="139"/>
      <c r="AJ161" s="139"/>
      <c r="AK161" s="139"/>
      <c r="AL161" s="139"/>
      <c r="AM161" s="139"/>
      <c r="AN161" s="139"/>
      <c r="AO161" s="140"/>
    </row>
    <row r="162" spans="1:41" ht="9.75" customHeight="1">
      <c r="A162" s="138"/>
      <c r="B162" s="139"/>
      <c r="C162" s="139"/>
      <c r="D162" s="139"/>
      <c r="E162" s="139"/>
      <c r="F162" s="139"/>
      <c r="G162" s="139"/>
      <c r="H162" s="139"/>
      <c r="I162" s="139"/>
      <c r="J162" s="139"/>
      <c r="K162" s="139"/>
      <c r="L162" s="139"/>
      <c r="M162" s="139"/>
      <c r="N162" s="139"/>
      <c r="O162" s="139"/>
      <c r="P162" s="139"/>
      <c r="Q162" s="139"/>
      <c r="R162" s="139"/>
      <c r="S162" s="139"/>
      <c r="T162" s="139"/>
      <c r="U162" s="139"/>
      <c r="V162" s="139"/>
      <c r="W162" s="139"/>
      <c r="X162" s="139"/>
      <c r="Y162" s="139"/>
      <c r="Z162" s="139"/>
      <c r="AA162" s="139"/>
      <c r="AB162" s="139"/>
      <c r="AC162" s="139"/>
      <c r="AD162" s="139"/>
      <c r="AE162" s="139"/>
      <c r="AF162" s="139"/>
      <c r="AG162" s="139"/>
      <c r="AH162" s="139"/>
      <c r="AI162" s="139"/>
      <c r="AJ162" s="139"/>
      <c r="AK162" s="139"/>
      <c r="AL162" s="139"/>
      <c r="AM162" s="139"/>
      <c r="AN162" s="139"/>
      <c r="AO162" s="140"/>
    </row>
    <row r="163" spans="1:41" ht="9.75" customHeight="1">
      <c r="A163" s="138"/>
      <c r="B163" s="139"/>
      <c r="C163" s="139"/>
      <c r="D163" s="139"/>
      <c r="E163" s="139"/>
      <c r="F163" s="139"/>
      <c r="G163" s="139"/>
      <c r="H163" s="139"/>
      <c r="I163" s="139"/>
      <c r="J163" s="139"/>
      <c r="K163" s="139"/>
      <c r="L163" s="139"/>
      <c r="M163" s="139"/>
      <c r="N163" s="139"/>
      <c r="O163" s="139"/>
      <c r="P163" s="139"/>
      <c r="Q163" s="139"/>
      <c r="R163" s="139"/>
      <c r="S163" s="139"/>
      <c r="T163" s="139"/>
      <c r="U163" s="139"/>
      <c r="V163" s="139"/>
      <c r="W163" s="139"/>
      <c r="X163" s="139"/>
      <c r="Y163" s="139"/>
      <c r="Z163" s="139"/>
      <c r="AA163" s="139"/>
      <c r="AB163" s="139"/>
      <c r="AC163" s="139"/>
      <c r="AD163" s="139"/>
      <c r="AE163" s="139"/>
      <c r="AF163" s="139"/>
      <c r="AG163" s="139"/>
      <c r="AH163" s="139"/>
      <c r="AI163" s="139"/>
      <c r="AJ163" s="139"/>
      <c r="AK163" s="139"/>
      <c r="AL163" s="139"/>
      <c r="AM163" s="139"/>
      <c r="AN163" s="139"/>
      <c r="AO163" s="140"/>
    </row>
    <row r="164" spans="1:41" ht="9.75" customHeight="1">
      <c r="A164" s="138"/>
      <c r="B164" s="139"/>
      <c r="C164" s="139"/>
      <c r="D164" s="139"/>
      <c r="E164" s="139"/>
      <c r="F164" s="139"/>
      <c r="G164" s="139"/>
      <c r="H164" s="139"/>
      <c r="I164" s="139"/>
      <c r="J164" s="139"/>
      <c r="K164" s="139"/>
      <c r="L164" s="139"/>
      <c r="M164" s="139"/>
      <c r="N164" s="139"/>
      <c r="O164" s="139"/>
      <c r="P164" s="139"/>
      <c r="Q164" s="139"/>
      <c r="R164" s="139"/>
      <c r="S164" s="139"/>
      <c r="T164" s="139"/>
      <c r="U164" s="139"/>
      <c r="V164" s="139"/>
      <c r="W164" s="139"/>
      <c r="X164" s="139"/>
      <c r="Y164" s="139"/>
      <c r="Z164" s="139"/>
      <c r="AA164" s="139"/>
      <c r="AB164" s="139"/>
      <c r="AC164" s="139"/>
      <c r="AD164" s="139"/>
      <c r="AE164" s="139"/>
      <c r="AF164" s="139"/>
      <c r="AG164" s="139"/>
      <c r="AH164" s="139"/>
      <c r="AI164" s="139"/>
      <c r="AJ164" s="139"/>
      <c r="AK164" s="139"/>
      <c r="AL164" s="139"/>
      <c r="AM164" s="139"/>
      <c r="AN164" s="139"/>
      <c r="AO164" s="140"/>
    </row>
    <row r="165" spans="1:41" ht="9.75" customHeight="1">
      <c r="A165" s="138"/>
      <c r="B165" s="139"/>
      <c r="C165" s="139"/>
      <c r="D165" s="139"/>
      <c r="E165" s="139"/>
      <c r="F165" s="139"/>
      <c r="G165" s="139"/>
      <c r="H165" s="139"/>
      <c r="I165" s="139"/>
      <c r="J165" s="139"/>
      <c r="K165" s="139"/>
      <c r="L165" s="139"/>
      <c r="M165" s="139"/>
      <c r="N165" s="139"/>
      <c r="O165" s="139"/>
      <c r="P165" s="139"/>
      <c r="Q165" s="139"/>
      <c r="R165" s="139"/>
      <c r="S165" s="139"/>
      <c r="T165" s="139"/>
      <c r="U165" s="139"/>
      <c r="V165" s="139"/>
      <c r="W165" s="139"/>
      <c r="X165" s="139"/>
      <c r="Y165" s="139"/>
      <c r="Z165" s="139"/>
      <c r="AA165" s="139"/>
      <c r="AB165" s="139"/>
      <c r="AC165" s="139"/>
      <c r="AD165" s="139"/>
      <c r="AE165" s="139"/>
      <c r="AF165" s="139"/>
      <c r="AG165" s="139"/>
      <c r="AH165" s="139"/>
      <c r="AI165" s="139"/>
      <c r="AJ165" s="139"/>
      <c r="AK165" s="139"/>
      <c r="AL165" s="139"/>
      <c r="AM165" s="139"/>
      <c r="AN165" s="139"/>
      <c r="AO165" s="140"/>
    </row>
    <row r="166" spans="1:41" ht="9.75" customHeight="1">
      <c r="A166" s="138"/>
      <c r="B166" s="139"/>
      <c r="C166" s="139"/>
      <c r="D166" s="139"/>
      <c r="E166" s="139"/>
      <c r="F166" s="139"/>
      <c r="G166" s="139"/>
      <c r="H166" s="139"/>
      <c r="I166" s="139"/>
      <c r="J166" s="139"/>
      <c r="K166" s="139"/>
      <c r="L166" s="139"/>
      <c r="M166" s="139"/>
      <c r="N166" s="139"/>
      <c r="O166" s="139"/>
      <c r="P166" s="139"/>
      <c r="Q166" s="139"/>
      <c r="R166" s="139"/>
      <c r="S166" s="139"/>
      <c r="T166" s="139"/>
      <c r="U166" s="139"/>
      <c r="V166" s="139"/>
      <c r="W166" s="139"/>
      <c r="X166" s="139"/>
      <c r="Y166" s="139"/>
      <c r="Z166" s="139"/>
      <c r="AA166" s="139"/>
      <c r="AB166" s="139"/>
      <c r="AC166" s="139"/>
      <c r="AD166" s="139"/>
      <c r="AE166" s="139"/>
      <c r="AF166" s="139"/>
      <c r="AG166" s="139"/>
      <c r="AH166" s="139"/>
      <c r="AI166" s="139"/>
      <c r="AJ166" s="139"/>
      <c r="AK166" s="139"/>
      <c r="AL166" s="139"/>
      <c r="AM166" s="139"/>
      <c r="AN166" s="139"/>
      <c r="AO166" s="140"/>
    </row>
    <row r="167" spans="1:41" ht="9.75" customHeight="1">
      <c r="A167" s="138"/>
      <c r="B167" s="139"/>
      <c r="C167" s="139"/>
      <c r="D167" s="139"/>
      <c r="E167" s="139"/>
      <c r="F167" s="139"/>
      <c r="G167" s="139"/>
      <c r="H167" s="139"/>
      <c r="I167" s="139"/>
      <c r="J167" s="139"/>
      <c r="K167" s="139"/>
      <c r="L167" s="139"/>
      <c r="M167" s="139"/>
      <c r="N167" s="139"/>
      <c r="O167" s="139"/>
      <c r="P167" s="139"/>
      <c r="Q167" s="139"/>
      <c r="R167" s="139"/>
      <c r="S167" s="139"/>
      <c r="T167" s="139"/>
      <c r="U167" s="139"/>
      <c r="V167" s="139"/>
      <c r="W167" s="139"/>
      <c r="X167" s="139"/>
      <c r="Y167" s="139"/>
      <c r="Z167" s="139"/>
      <c r="AA167" s="139"/>
      <c r="AB167" s="139"/>
      <c r="AC167" s="139"/>
      <c r="AD167" s="139"/>
      <c r="AE167" s="139"/>
      <c r="AF167" s="139"/>
      <c r="AG167" s="139"/>
      <c r="AH167" s="139"/>
      <c r="AI167" s="139"/>
      <c r="AJ167" s="139"/>
      <c r="AK167" s="139"/>
      <c r="AL167" s="139"/>
      <c r="AM167" s="139"/>
      <c r="AN167" s="139"/>
      <c r="AO167" s="140"/>
    </row>
    <row r="168" spans="1:41" ht="9.75" customHeight="1">
      <c r="A168" s="138"/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139"/>
      <c r="M168" s="139"/>
      <c r="N168" s="139"/>
      <c r="O168" s="139"/>
      <c r="P168" s="139"/>
      <c r="Q168" s="139"/>
      <c r="R168" s="139"/>
      <c r="S168" s="139"/>
      <c r="T168" s="139"/>
      <c r="U168" s="139"/>
      <c r="V168" s="139"/>
      <c r="W168" s="139"/>
      <c r="X168" s="139"/>
      <c r="Y168" s="139"/>
      <c r="Z168" s="139"/>
      <c r="AA168" s="139"/>
      <c r="AB168" s="139"/>
      <c r="AC168" s="139"/>
      <c r="AD168" s="139"/>
      <c r="AE168" s="139"/>
      <c r="AF168" s="139"/>
      <c r="AG168" s="139"/>
      <c r="AH168" s="139"/>
      <c r="AI168" s="139"/>
      <c r="AJ168" s="139"/>
      <c r="AK168" s="139"/>
      <c r="AL168" s="139"/>
      <c r="AM168" s="139"/>
      <c r="AN168" s="139"/>
      <c r="AO168" s="140"/>
    </row>
    <row r="169" spans="1:41" ht="9.75" customHeight="1">
      <c r="A169" s="138"/>
      <c r="B169" s="139"/>
      <c r="C169" s="139"/>
      <c r="D169" s="139"/>
      <c r="E169" s="139"/>
      <c r="F169" s="139"/>
      <c r="G169" s="139"/>
      <c r="H169" s="139"/>
      <c r="I169" s="139"/>
      <c r="J169" s="139"/>
      <c r="K169" s="139"/>
      <c r="L169" s="139"/>
      <c r="M169" s="139"/>
      <c r="N169" s="139"/>
      <c r="O169" s="139"/>
      <c r="P169" s="139"/>
      <c r="Q169" s="139"/>
      <c r="R169" s="139"/>
      <c r="S169" s="139"/>
      <c r="T169" s="139"/>
      <c r="U169" s="139"/>
      <c r="V169" s="139"/>
      <c r="W169" s="139"/>
      <c r="X169" s="139"/>
      <c r="Y169" s="139"/>
      <c r="Z169" s="139"/>
      <c r="AA169" s="139"/>
      <c r="AB169" s="139"/>
      <c r="AC169" s="139"/>
      <c r="AD169" s="139"/>
      <c r="AE169" s="139"/>
      <c r="AF169" s="139"/>
      <c r="AG169" s="139"/>
      <c r="AH169" s="139"/>
      <c r="AI169" s="139"/>
      <c r="AJ169" s="139"/>
      <c r="AK169" s="139"/>
      <c r="AL169" s="139"/>
      <c r="AM169" s="139"/>
      <c r="AN169" s="139"/>
      <c r="AO169" s="140"/>
    </row>
    <row r="170" spans="1:41" ht="9.75" customHeight="1">
      <c r="A170" s="141"/>
      <c r="B170" s="142"/>
      <c r="C170" s="142"/>
      <c r="D170" s="142"/>
      <c r="E170" s="142"/>
      <c r="F170" s="142"/>
      <c r="G170" s="142"/>
      <c r="H170" s="142"/>
      <c r="I170" s="142"/>
      <c r="J170" s="142"/>
      <c r="K170" s="142"/>
      <c r="L170" s="142"/>
      <c r="M170" s="142"/>
      <c r="N170" s="142"/>
      <c r="O170" s="142"/>
      <c r="P170" s="142"/>
      <c r="Q170" s="142"/>
      <c r="R170" s="142"/>
      <c r="S170" s="142"/>
      <c r="T170" s="142"/>
      <c r="U170" s="142"/>
      <c r="V170" s="142"/>
      <c r="W170" s="142"/>
      <c r="X170" s="142"/>
      <c r="Y170" s="142"/>
      <c r="Z170" s="142"/>
      <c r="AA170" s="142"/>
      <c r="AB170" s="142"/>
      <c r="AC170" s="142"/>
      <c r="AD170" s="142"/>
      <c r="AE170" s="142"/>
      <c r="AF170" s="142"/>
      <c r="AG170" s="142"/>
      <c r="AH170" s="142"/>
      <c r="AI170" s="142"/>
      <c r="AJ170" s="142"/>
      <c r="AK170" s="142"/>
      <c r="AL170" s="142"/>
      <c r="AM170" s="142"/>
      <c r="AN170" s="142"/>
      <c r="AO170" s="143"/>
    </row>
  </sheetData>
  <mergeCells count="100">
    <mergeCell ref="Q67:Q69"/>
    <mergeCell ref="P67:P69"/>
    <mergeCell ref="Q76:Q78"/>
    <mergeCell ref="P76:P78"/>
    <mergeCell ref="Q82:Q84"/>
    <mergeCell ref="P82:P84"/>
    <mergeCell ref="Q52:Q54"/>
    <mergeCell ref="P52:P54"/>
    <mergeCell ref="Q55:Q57"/>
    <mergeCell ref="P55:P57"/>
    <mergeCell ref="Q61:Q63"/>
    <mergeCell ref="P61:P63"/>
    <mergeCell ref="Q43:Q45"/>
    <mergeCell ref="P43:P45"/>
    <mergeCell ref="Q46:Q48"/>
    <mergeCell ref="P46:P48"/>
    <mergeCell ref="Q49:Q51"/>
    <mergeCell ref="P49:P51"/>
    <mergeCell ref="Q34:Q36"/>
    <mergeCell ref="P34:P36"/>
    <mergeCell ref="Q37:Q39"/>
    <mergeCell ref="P37:P39"/>
    <mergeCell ref="Q40:Q42"/>
    <mergeCell ref="P40:P42"/>
    <mergeCell ref="Q25:Q27"/>
    <mergeCell ref="P25:P27"/>
    <mergeCell ref="Q28:Q30"/>
    <mergeCell ref="P28:P30"/>
    <mergeCell ref="Q31:Q33"/>
    <mergeCell ref="P31:P33"/>
    <mergeCell ref="Q10:Q12"/>
    <mergeCell ref="P10:P12"/>
    <mergeCell ref="Q19:Q21"/>
    <mergeCell ref="P19:P21"/>
    <mergeCell ref="Q22:Q24"/>
    <mergeCell ref="P22:P24"/>
    <mergeCell ref="F73:F75"/>
    <mergeCell ref="E73:E75"/>
    <mergeCell ref="F79:F81"/>
    <mergeCell ref="E79:E81"/>
    <mergeCell ref="F96:F98"/>
    <mergeCell ref="E96:E98"/>
    <mergeCell ref="F16:F18"/>
    <mergeCell ref="E16:E18"/>
    <mergeCell ref="F58:F60"/>
    <mergeCell ref="E58:E60"/>
    <mergeCell ref="F64:F66"/>
    <mergeCell ref="E64:E66"/>
    <mergeCell ref="B10:B12"/>
    <mergeCell ref="A10:A12"/>
    <mergeCell ref="D13:D15"/>
    <mergeCell ref="C13:C15"/>
    <mergeCell ref="D70:D72"/>
    <mergeCell ref="C70:C72"/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Z91:AO94"/>
    <mergeCell ref="G92:H94"/>
    <mergeCell ref="I92:J94"/>
    <mergeCell ref="K92:K94"/>
    <mergeCell ref="L92:M94"/>
    <mergeCell ref="N92:N94"/>
    <mergeCell ref="P92:S92"/>
    <mergeCell ref="G91:S91"/>
    <mergeCell ref="X92:X94"/>
    <mergeCell ref="P93:Q94"/>
    <mergeCell ref="W92:W94"/>
    <mergeCell ref="A109:F109"/>
    <mergeCell ref="G109:H109"/>
    <mergeCell ref="T91:T94"/>
    <mergeCell ref="U91:X91"/>
    <mergeCell ref="Y91:Y94"/>
    <mergeCell ref="A91:B94"/>
    <mergeCell ref="C91:D94"/>
    <mergeCell ref="E91:F94"/>
    <mergeCell ref="D102:D104"/>
    <mergeCell ref="C102:C104"/>
    <mergeCell ref="F105:F107"/>
    <mergeCell ref="E105:E107"/>
    <mergeCell ref="Q99:Q101"/>
    <mergeCell ref="P99:P101"/>
    <mergeCell ref="U92:V94"/>
    <mergeCell ref="R93:S94"/>
  </mergeCells>
  <phoneticPr fontId="1"/>
  <pageMargins left="0.39370078740157483" right="0.39370078740157483" top="0.39370078740157483" bottom="0.39370078740157483" header="0.19685039370078741" footer="0.19685039370078741"/>
  <pageSetup paperSize="9" firstPageNumber="300" pageOrder="overThenDown" orientation="portrait" useFirstPageNumber="1" r:id="rId1"/>
  <headerFooter>
    <oddFooter>&amp;C- &amp;P -</oddFooter>
  </headerFooter>
  <rowBreaks count="1" manualBreakCount="1">
    <brk id="86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756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93" t="s">
        <v>755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127</v>
      </c>
      <c r="I11" s="52" t="s">
        <v>23</v>
      </c>
      <c r="J11" s="53" t="s">
        <v>128</v>
      </c>
      <c r="K11" s="183" t="s">
        <v>22</v>
      </c>
      <c r="L11" s="52"/>
      <c r="M11" s="205" t="s">
        <v>22</v>
      </c>
      <c r="N11" s="54" t="s">
        <v>129</v>
      </c>
      <c r="O11" s="55"/>
      <c r="P11" s="228"/>
      <c r="Q11" s="294"/>
      <c r="R11" s="52"/>
      <c r="S11" s="55"/>
      <c r="T11" s="204" t="s">
        <v>130</v>
      </c>
      <c r="U11" s="55"/>
      <c r="V11" s="53" t="s">
        <v>22</v>
      </c>
      <c r="W11" s="54" t="s">
        <v>22</v>
      </c>
      <c r="X11" s="54" t="s">
        <v>22</v>
      </c>
      <c r="Y11" s="54" t="s">
        <v>721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75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27</v>
      </c>
      <c r="I14" s="169" t="s">
        <v>23</v>
      </c>
      <c r="J14" s="44" t="s">
        <v>128</v>
      </c>
      <c r="K14" s="192" t="s">
        <v>22</v>
      </c>
      <c r="L14" s="169"/>
      <c r="M14" s="191" t="s">
        <v>22</v>
      </c>
      <c r="N14" s="45" t="s">
        <v>129</v>
      </c>
      <c r="O14" s="168"/>
      <c r="P14" s="168"/>
      <c r="Q14" s="170"/>
      <c r="R14" s="169"/>
      <c r="S14" s="168"/>
      <c r="T14" s="190" t="s">
        <v>130</v>
      </c>
      <c r="U14" s="168"/>
      <c r="V14" s="44" t="s">
        <v>22</v>
      </c>
      <c r="W14" s="45" t="s">
        <v>22</v>
      </c>
      <c r="X14" s="45" t="s">
        <v>22</v>
      </c>
      <c r="Y14" s="45" t="s">
        <v>721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1" t="s">
        <v>673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754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754</v>
      </c>
      <c r="O17" s="168"/>
      <c r="P17" s="168"/>
      <c r="Q17" s="170"/>
      <c r="R17" s="169"/>
      <c r="S17" s="168"/>
      <c r="T17" s="190" t="s">
        <v>753</v>
      </c>
      <c r="U17" s="168"/>
      <c r="V17" s="44" t="s">
        <v>22</v>
      </c>
      <c r="W17" s="45" t="s">
        <v>22</v>
      </c>
      <c r="X17" s="45" t="s">
        <v>22</v>
      </c>
      <c r="Y17" s="45" t="s">
        <v>752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749</v>
      </c>
      <c r="Q19" s="230" t="s">
        <v>748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754</v>
      </c>
      <c r="T20" s="190" t="s">
        <v>753</v>
      </c>
      <c r="U20" s="168"/>
      <c r="V20" s="44" t="s">
        <v>22</v>
      </c>
      <c r="W20" s="45" t="s">
        <v>22</v>
      </c>
      <c r="X20" s="45" t="s">
        <v>22</v>
      </c>
      <c r="Y20" s="45" t="s">
        <v>75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3"/>
      <c r="C22" s="169"/>
      <c r="D22" s="170"/>
      <c r="E22" s="218" t="s">
        <v>25</v>
      </c>
      <c r="F22" s="221" t="s">
        <v>671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169"/>
      <c r="D23" s="193"/>
      <c r="E23" s="219"/>
      <c r="F23" s="222"/>
      <c r="G23" s="169"/>
      <c r="H23" s="44" t="s">
        <v>751</v>
      </c>
      <c r="I23" s="169" t="s">
        <v>23</v>
      </c>
      <c r="J23" s="44" t="s">
        <v>750</v>
      </c>
      <c r="K23" s="192" t="s">
        <v>22</v>
      </c>
      <c r="L23" s="169"/>
      <c r="M23" s="191" t="s">
        <v>22</v>
      </c>
      <c r="N23" s="45" t="s">
        <v>747</v>
      </c>
      <c r="O23" s="168"/>
      <c r="P23" s="168"/>
      <c r="Q23" s="41"/>
      <c r="R23" s="169"/>
      <c r="S23" s="168"/>
      <c r="T23" s="190" t="s">
        <v>746</v>
      </c>
      <c r="U23" s="168"/>
      <c r="V23" s="44" t="s">
        <v>22</v>
      </c>
      <c r="W23" s="45" t="s">
        <v>22</v>
      </c>
      <c r="X23" s="45" t="s">
        <v>22</v>
      </c>
      <c r="Y23" s="45" t="s">
        <v>745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169"/>
      <c r="D24" s="193"/>
      <c r="E24" s="219"/>
      <c r="F24" s="222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3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749</v>
      </c>
      <c r="Q25" s="230" t="s">
        <v>748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747</v>
      </c>
      <c r="T26" s="190" t="s">
        <v>746</v>
      </c>
      <c r="U26" s="168"/>
      <c r="V26" s="44" t="s">
        <v>22</v>
      </c>
      <c r="W26" s="45" t="s">
        <v>22</v>
      </c>
      <c r="X26" s="45" t="s">
        <v>22</v>
      </c>
      <c r="Y26" s="45" t="s">
        <v>745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169"/>
      <c r="F27" s="170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3"/>
      <c r="C28" s="169"/>
      <c r="D28" s="170"/>
      <c r="E28" s="218" t="s">
        <v>26</v>
      </c>
      <c r="F28" s="221" t="s">
        <v>667</v>
      </c>
      <c r="G28" s="162"/>
      <c r="H28" s="69"/>
      <c r="I28" s="162"/>
      <c r="J28" s="69"/>
      <c r="K28" s="198"/>
      <c r="L28" s="162"/>
      <c r="M28" s="197"/>
      <c r="N28" s="70"/>
      <c r="O28" s="167"/>
      <c r="P28" s="167"/>
      <c r="Q28" s="68"/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3"/>
      <c r="C29" s="169"/>
      <c r="D29" s="193"/>
      <c r="E29" s="219"/>
      <c r="F29" s="222"/>
      <c r="G29" s="169"/>
      <c r="H29" s="44" t="s">
        <v>744</v>
      </c>
      <c r="I29" s="169" t="s">
        <v>23</v>
      </c>
      <c r="J29" s="44" t="s">
        <v>743</v>
      </c>
      <c r="K29" s="192" t="s">
        <v>22</v>
      </c>
      <c r="L29" s="169"/>
      <c r="M29" s="191" t="s">
        <v>22</v>
      </c>
      <c r="N29" s="45" t="s">
        <v>742</v>
      </c>
      <c r="O29" s="168"/>
      <c r="P29" s="168"/>
      <c r="Q29" s="41"/>
      <c r="R29" s="169"/>
      <c r="S29" s="168"/>
      <c r="T29" s="190" t="s">
        <v>741</v>
      </c>
      <c r="U29" s="168"/>
      <c r="V29" s="44" t="s">
        <v>22</v>
      </c>
      <c r="W29" s="45" t="s">
        <v>22</v>
      </c>
      <c r="X29" s="45" t="s">
        <v>22</v>
      </c>
      <c r="Y29" s="45" t="s">
        <v>740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3"/>
      <c r="C30" s="169"/>
      <c r="D30" s="193"/>
      <c r="E30" s="219"/>
      <c r="F30" s="222"/>
      <c r="G30" s="169"/>
      <c r="H30" s="44"/>
      <c r="I30" s="169"/>
      <c r="J30" s="44"/>
      <c r="K30" s="192"/>
      <c r="L30" s="169"/>
      <c r="M30" s="191"/>
      <c r="N30" s="45"/>
      <c r="O30" s="168"/>
      <c r="P30" s="168"/>
      <c r="Q30" s="41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3"/>
      <c r="E31" s="169"/>
      <c r="F31" s="170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39</v>
      </c>
      <c r="Q31" s="221" t="s">
        <v>704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3"/>
      <c r="E32" s="169"/>
      <c r="F32" s="170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739</v>
      </c>
      <c r="T32" s="190" t="s">
        <v>738</v>
      </c>
      <c r="U32" s="168"/>
      <c r="V32" s="44" t="s">
        <v>22</v>
      </c>
      <c r="W32" s="45" t="s">
        <v>22</v>
      </c>
      <c r="X32" s="45" t="s">
        <v>22</v>
      </c>
      <c r="Y32" s="45" t="s">
        <v>737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3"/>
      <c r="E33" s="169"/>
      <c r="F33" s="170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40"/>
      <c r="B34" s="194"/>
      <c r="C34" s="169"/>
      <c r="D34" s="194"/>
      <c r="E34" s="169"/>
      <c r="F34" s="170"/>
      <c r="G34" s="169"/>
      <c r="H34" s="44"/>
      <c r="I34" s="169"/>
      <c r="J34" s="44"/>
      <c r="K34" s="192"/>
      <c r="L34" s="169"/>
      <c r="M34" s="191"/>
      <c r="N34" s="45"/>
      <c r="O34" s="168"/>
      <c r="P34" s="227" t="s">
        <v>40</v>
      </c>
      <c r="Q34" s="221" t="s">
        <v>700</v>
      </c>
      <c r="R34" s="162"/>
      <c r="S34" s="167"/>
      <c r="T34" s="196"/>
      <c r="U34" s="167"/>
      <c r="V34" s="69"/>
      <c r="W34" s="70"/>
      <c r="X34" s="70"/>
      <c r="Y34" s="70"/>
      <c r="Z34" s="195" t="s">
        <v>1</v>
      </c>
      <c r="AA34" s="74"/>
      <c r="AB34" s="74"/>
      <c r="AC34" s="74"/>
      <c r="AD34" s="75"/>
      <c r="AE34" s="25"/>
      <c r="AF34" s="25"/>
      <c r="AG34" s="25"/>
      <c r="AH34" s="74"/>
      <c r="AI34" s="74"/>
      <c r="AJ34" s="74"/>
      <c r="AK34" s="74"/>
      <c r="AL34" s="75"/>
      <c r="AM34" s="25"/>
      <c r="AN34" s="25"/>
      <c r="AO34" s="32"/>
    </row>
    <row r="35" spans="1:41" s="59" customFormat="1" ht="9.75" customHeight="1">
      <c r="A35" s="40"/>
      <c r="B35" s="194"/>
      <c r="C35" s="169"/>
      <c r="D35" s="194"/>
      <c r="E35" s="169"/>
      <c r="F35" s="170"/>
      <c r="G35" s="169"/>
      <c r="H35" s="44"/>
      <c r="I35" s="169"/>
      <c r="J35" s="44"/>
      <c r="K35" s="192"/>
      <c r="L35" s="169"/>
      <c r="M35" s="191"/>
      <c r="N35" s="45"/>
      <c r="O35" s="168"/>
      <c r="P35" s="228"/>
      <c r="Q35" s="222"/>
      <c r="R35" s="169"/>
      <c r="S35" s="168" t="s">
        <v>736</v>
      </c>
      <c r="T35" s="190" t="s">
        <v>735</v>
      </c>
      <c r="U35" s="168"/>
      <c r="V35" s="44" t="s">
        <v>22</v>
      </c>
      <c r="W35" s="45" t="s">
        <v>22</v>
      </c>
      <c r="X35" s="45" t="s">
        <v>22</v>
      </c>
      <c r="Y35" s="45" t="s">
        <v>734</v>
      </c>
      <c r="Z35" s="189"/>
      <c r="AA35" s="33"/>
      <c r="AB35" s="33"/>
      <c r="AC35" s="33"/>
      <c r="AD35" s="34"/>
      <c r="AE35" s="35"/>
      <c r="AF35" s="35"/>
      <c r="AG35" s="35"/>
      <c r="AH35" s="33"/>
      <c r="AI35" s="33"/>
      <c r="AJ35" s="33"/>
      <c r="AK35" s="33"/>
      <c r="AL35" s="34"/>
      <c r="AM35" s="35"/>
      <c r="AN35" s="35"/>
      <c r="AO35" s="36"/>
    </row>
    <row r="36" spans="1:41" s="59" customFormat="1" ht="9.75" customHeight="1">
      <c r="A36" s="40"/>
      <c r="B36" s="194"/>
      <c r="C36" s="169"/>
      <c r="D36" s="194"/>
      <c r="E36" s="169"/>
      <c r="F36" s="170"/>
      <c r="G36" s="169"/>
      <c r="H36" s="44"/>
      <c r="I36" s="169"/>
      <c r="J36" s="44"/>
      <c r="K36" s="192"/>
      <c r="L36" s="169"/>
      <c r="M36" s="191"/>
      <c r="N36" s="45"/>
      <c r="O36" s="168"/>
      <c r="P36" s="229"/>
      <c r="Q36" s="223"/>
      <c r="R36" s="169"/>
      <c r="S36" s="168"/>
      <c r="T36" s="190"/>
      <c r="U36" s="168"/>
      <c r="V36" s="44"/>
      <c r="W36" s="45"/>
      <c r="X36" s="45"/>
      <c r="Y36" s="45"/>
      <c r="Z36" s="189"/>
      <c r="AA36" s="33"/>
      <c r="AB36" s="33"/>
      <c r="AC36" s="33"/>
      <c r="AD36" s="34"/>
      <c r="AE36" s="35"/>
      <c r="AF36" s="35"/>
      <c r="AG36" s="35"/>
      <c r="AH36" s="33"/>
      <c r="AI36" s="33"/>
      <c r="AJ36" s="33"/>
      <c r="AK36" s="33"/>
      <c r="AL36" s="34"/>
      <c r="AM36" s="35"/>
      <c r="AN36" s="35"/>
      <c r="AO36" s="36"/>
    </row>
    <row r="37" spans="1:41" s="59" customFormat="1" ht="9.75" customHeight="1">
      <c r="A37" s="40"/>
      <c r="B37" s="194"/>
      <c r="C37" s="169"/>
      <c r="D37" s="194"/>
      <c r="E37" s="169"/>
      <c r="F37" s="41"/>
      <c r="G37" s="169"/>
      <c r="H37" s="44"/>
      <c r="I37" s="169"/>
      <c r="J37" s="44"/>
      <c r="K37" s="192"/>
      <c r="L37" s="169"/>
      <c r="M37" s="191"/>
      <c r="N37" s="45"/>
      <c r="O37" s="168"/>
      <c r="P37" s="227" t="s">
        <v>100</v>
      </c>
      <c r="Q37" s="230" t="s">
        <v>695</v>
      </c>
      <c r="R37" s="162"/>
      <c r="S37" s="167"/>
      <c r="T37" s="196"/>
      <c r="U37" s="167"/>
      <c r="V37" s="69"/>
      <c r="W37" s="70"/>
      <c r="X37" s="70"/>
      <c r="Y37" s="70"/>
      <c r="Z37" s="195" t="s">
        <v>1</v>
      </c>
      <c r="AA37" s="74"/>
      <c r="AB37" s="74"/>
      <c r="AC37" s="74"/>
      <c r="AD37" s="75"/>
      <c r="AE37" s="25"/>
      <c r="AF37" s="25"/>
      <c r="AG37" s="25"/>
      <c r="AH37" s="74"/>
      <c r="AI37" s="74"/>
      <c r="AJ37" s="74"/>
      <c r="AK37" s="74"/>
      <c r="AL37" s="75"/>
      <c r="AM37" s="25"/>
      <c r="AN37" s="25"/>
      <c r="AO37" s="32"/>
    </row>
    <row r="38" spans="1:41" s="59" customFormat="1" ht="9.75" customHeight="1">
      <c r="A38" s="40"/>
      <c r="B38" s="194"/>
      <c r="C38" s="169"/>
      <c r="D38" s="194"/>
      <c r="E38" s="169"/>
      <c r="F38" s="41"/>
      <c r="G38" s="169"/>
      <c r="H38" s="44"/>
      <c r="I38" s="169"/>
      <c r="J38" s="44"/>
      <c r="K38" s="192"/>
      <c r="L38" s="169"/>
      <c r="M38" s="191"/>
      <c r="N38" s="45"/>
      <c r="O38" s="168"/>
      <c r="P38" s="228"/>
      <c r="Q38" s="222"/>
      <c r="R38" s="169"/>
      <c r="S38" s="168" t="s">
        <v>733</v>
      </c>
      <c r="T38" s="190" t="s">
        <v>732</v>
      </c>
      <c r="U38" s="168"/>
      <c r="V38" s="44" t="s">
        <v>22</v>
      </c>
      <c r="W38" s="45" t="s">
        <v>22</v>
      </c>
      <c r="X38" s="45" t="s">
        <v>22</v>
      </c>
      <c r="Y38" s="45" t="s">
        <v>731</v>
      </c>
      <c r="Z38" s="189"/>
      <c r="AA38" s="33"/>
      <c r="AB38" s="33"/>
      <c r="AC38" s="33"/>
      <c r="AD38" s="34"/>
      <c r="AE38" s="35"/>
      <c r="AF38" s="35"/>
      <c r="AG38" s="35"/>
      <c r="AH38" s="33"/>
      <c r="AI38" s="33"/>
      <c r="AJ38" s="33"/>
      <c r="AK38" s="33"/>
      <c r="AL38" s="34"/>
      <c r="AM38" s="35"/>
      <c r="AN38" s="35"/>
      <c r="AO38" s="36"/>
    </row>
    <row r="39" spans="1:41" s="59" customFormat="1" ht="9.75" customHeight="1">
      <c r="A39" s="40"/>
      <c r="B39" s="194"/>
      <c r="C39" s="169"/>
      <c r="D39" s="194"/>
      <c r="E39" s="169"/>
      <c r="F39" s="41"/>
      <c r="G39" s="169"/>
      <c r="H39" s="44"/>
      <c r="I39" s="169"/>
      <c r="J39" s="44"/>
      <c r="K39" s="192"/>
      <c r="L39" s="169"/>
      <c r="M39" s="191"/>
      <c r="N39" s="45"/>
      <c r="O39" s="168"/>
      <c r="P39" s="229"/>
      <c r="Q39" s="223"/>
      <c r="R39" s="169"/>
      <c r="S39" s="168"/>
      <c r="T39" s="190"/>
      <c r="U39" s="168"/>
      <c r="V39" s="44"/>
      <c r="W39" s="45"/>
      <c r="X39" s="45"/>
      <c r="Y39" s="45"/>
      <c r="Z39" s="189"/>
      <c r="AA39" s="33"/>
      <c r="AB39" s="33"/>
      <c r="AC39" s="33"/>
      <c r="AD39" s="34"/>
      <c r="AE39" s="35"/>
      <c r="AF39" s="35"/>
      <c r="AG39" s="35"/>
      <c r="AH39" s="33"/>
      <c r="AI39" s="33"/>
      <c r="AJ39" s="33"/>
      <c r="AK39" s="33"/>
      <c r="AL39" s="34"/>
      <c r="AM39" s="35"/>
      <c r="AN39" s="35"/>
      <c r="AO39" s="36"/>
    </row>
    <row r="40" spans="1:41" s="59" customFormat="1" ht="9.75" customHeight="1">
      <c r="A40" s="40"/>
      <c r="B40" s="194"/>
      <c r="C40" s="169"/>
      <c r="D40" s="194"/>
      <c r="E40" s="169"/>
      <c r="F40" s="41"/>
      <c r="G40" s="169"/>
      <c r="H40" s="44"/>
      <c r="I40" s="169"/>
      <c r="J40" s="44"/>
      <c r="K40" s="192"/>
      <c r="L40" s="169"/>
      <c r="M40" s="191"/>
      <c r="N40" s="45"/>
      <c r="O40" s="168"/>
      <c r="P40" s="227" t="s">
        <v>680</v>
      </c>
      <c r="Q40" s="230" t="s">
        <v>679</v>
      </c>
      <c r="R40" s="162"/>
      <c r="S40" s="167"/>
      <c r="T40" s="196"/>
      <c r="U40" s="167"/>
      <c r="V40" s="69"/>
      <c r="W40" s="70"/>
      <c r="X40" s="70"/>
      <c r="Y40" s="70"/>
      <c r="Z40" s="195" t="s">
        <v>1</v>
      </c>
      <c r="AA40" s="74"/>
      <c r="AB40" s="74"/>
      <c r="AC40" s="74"/>
      <c r="AD40" s="75"/>
      <c r="AE40" s="25"/>
      <c r="AF40" s="25"/>
      <c r="AG40" s="25"/>
      <c r="AH40" s="74"/>
      <c r="AI40" s="74"/>
      <c r="AJ40" s="74"/>
      <c r="AK40" s="74"/>
      <c r="AL40" s="75"/>
      <c r="AM40" s="25"/>
      <c r="AN40" s="25"/>
      <c r="AO40" s="32"/>
    </row>
    <row r="41" spans="1:41" s="59" customFormat="1" ht="9.75" customHeight="1">
      <c r="A41" s="40"/>
      <c r="B41" s="194"/>
      <c r="C41" s="169"/>
      <c r="D41" s="194"/>
      <c r="E41" s="169"/>
      <c r="F41" s="41"/>
      <c r="G41" s="169"/>
      <c r="H41" s="44"/>
      <c r="I41" s="169"/>
      <c r="J41" s="44"/>
      <c r="K41" s="192"/>
      <c r="L41" s="169"/>
      <c r="M41" s="191"/>
      <c r="N41" s="45"/>
      <c r="O41" s="168"/>
      <c r="P41" s="228"/>
      <c r="Q41" s="222"/>
      <c r="R41" s="169"/>
      <c r="S41" s="168" t="s">
        <v>90</v>
      </c>
      <c r="T41" s="190" t="s">
        <v>730</v>
      </c>
      <c r="U41" s="168"/>
      <c r="V41" s="44" t="s">
        <v>22</v>
      </c>
      <c r="W41" s="45" t="s">
        <v>22</v>
      </c>
      <c r="X41" s="45" t="s">
        <v>22</v>
      </c>
      <c r="Y41" s="45" t="s">
        <v>729</v>
      </c>
      <c r="Z41" s="189"/>
      <c r="AA41" s="33"/>
      <c r="AB41" s="33"/>
      <c r="AC41" s="33"/>
      <c r="AD41" s="34"/>
      <c r="AE41" s="35"/>
      <c r="AF41" s="35"/>
      <c r="AG41" s="35"/>
      <c r="AH41" s="33"/>
      <c r="AI41" s="33"/>
      <c r="AJ41" s="33"/>
      <c r="AK41" s="33"/>
      <c r="AL41" s="34"/>
      <c r="AM41" s="35"/>
      <c r="AN41" s="35"/>
      <c r="AO41" s="36"/>
    </row>
    <row r="42" spans="1:41" s="59" customFormat="1" ht="9.75" customHeight="1">
      <c r="A42" s="40"/>
      <c r="B42" s="194"/>
      <c r="C42" s="169"/>
      <c r="D42" s="194"/>
      <c r="E42" s="169"/>
      <c r="F42" s="41"/>
      <c r="G42" s="169"/>
      <c r="H42" s="44"/>
      <c r="I42" s="169"/>
      <c r="J42" s="44"/>
      <c r="K42" s="192"/>
      <c r="L42" s="169"/>
      <c r="M42" s="191"/>
      <c r="N42" s="45"/>
      <c r="O42" s="168"/>
      <c r="P42" s="229"/>
      <c r="Q42" s="223"/>
      <c r="R42" s="169"/>
      <c r="S42" s="168"/>
      <c r="T42" s="190"/>
      <c r="U42" s="168"/>
      <c r="V42" s="44"/>
      <c r="W42" s="45"/>
      <c r="X42" s="45"/>
      <c r="Y42" s="45"/>
      <c r="Z42" s="189"/>
      <c r="AA42" s="33"/>
      <c r="AB42" s="33"/>
      <c r="AC42" s="33"/>
      <c r="AD42" s="34"/>
      <c r="AE42" s="35"/>
      <c r="AF42" s="35"/>
      <c r="AG42" s="35"/>
      <c r="AH42" s="33"/>
      <c r="AI42" s="33"/>
      <c r="AJ42" s="33"/>
      <c r="AK42" s="33"/>
      <c r="AL42" s="34"/>
      <c r="AM42" s="35"/>
      <c r="AN42" s="35"/>
      <c r="AO42" s="36"/>
    </row>
    <row r="43" spans="1:41" s="59" customFormat="1" ht="9.75" customHeight="1">
      <c r="A43" s="40"/>
      <c r="B43" s="193"/>
      <c r="C43" s="169"/>
      <c r="D43" s="170"/>
      <c r="E43" s="218" t="s">
        <v>31</v>
      </c>
      <c r="F43" s="221" t="s">
        <v>728</v>
      </c>
      <c r="G43" s="162"/>
      <c r="H43" s="69"/>
      <c r="I43" s="162"/>
      <c r="J43" s="69"/>
      <c r="K43" s="198"/>
      <c r="L43" s="162"/>
      <c r="M43" s="197"/>
      <c r="N43" s="70"/>
      <c r="O43" s="167"/>
      <c r="P43" s="167"/>
      <c r="Q43" s="68"/>
      <c r="R43" s="162"/>
      <c r="S43" s="167"/>
      <c r="T43" s="196"/>
      <c r="U43" s="167"/>
      <c r="V43" s="69"/>
      <c r="W43" s="70"/>
      <c r="X43" s="70"/>
      <c r="Y43" s="70"/>
      <c r="Z43" s="195" t="s">
        <v>1</v>
      </c>
      <c r="AA43" s="74"/>
      <c r="AB43" s="74"/>
      <c r="AC43" s="74"/>
      <c r="AD43" s="75"/>
      <c r="AE43" s="25"/>
      <c r="AF43" s="25"/>
      <c r="AG43" s="25"/>
      <c r="AH43" s="74"/>
      <c r="AI43" s="74"/>
      <c r="AJ43" s="74"/>
      <c r="AK43" s="74"/>
      <c r="AL43" s="75"/>
      <c r="AM43" s="25"/>
      <c r="AN43" s="25"/>
      <c r="AO43" s="32"/>
    </row>
    <row r="44" spans="1:41" s="59" customFormat="1" ht="9.75" customHeight="1">
      <c r="A44" s="40"/>
      <c r="B44" s="193"/>
      <c r="C44" s="169"/>
      <c r="D44" s="193"/>
      <c r="E44" s="219"/>
      <c r="F44" s="222"/>
      <c r="G44" s="169"/>
      <c r="H44" s="44" t="s">
        <v>727</v>
      </c>
      <c r="I44" s="169" t="s">
        <v>23</v>
      </c>
      <c r="J44" s="44" t="s">
        <v>132</v>
      </c>
      <c r="K44" s="192" t="s">
        <v>22</v>
      </c>
      <c r="L44" s="169"/>
      <c r="M44" s="191" t="s">
        <v>22</v>
      </c>
      <c r="N44" s="45" t="s">
        <v>724</v>
      </c>
      <c r="O44" s="168"/>
      <c r="P44" s="168"/>
      <c r="Q44" s="41"/>
      <c r="R44" s="169"/>
      <c r="S44" s="168"/>
      <c r="T44" s="190" t="s">
        <v>723</v>
      </c>
      <c r="U44" s="168"/>
      <c r="V44" s="44" t="s">
        <v>22</v>
      </c>
      <c r="W44" s="45" t="s">
        <v>22</v>
      </c>
      <c r="X44" s="45" t="s">
        <v>22</v>
      </c>
      <c r="Y44" s="45" t="s">
        <v>722</v>
      </c>
      <c r="Z44" s="189"/>
      <c r="AA44" s="33"/>
      <c r="AB44" s="33"/>
      <c r="AC44" s="33"/>
      <c r="AD44" s="34"/>
      <c r="AE44" s="35"/>
      <c r="AF44" s="35"/>
      <c r="AG44" s="35"/>
      <c r="AH44" s="33"/>
      <c r="AI44" s="33"/>
      <c r="AJ44" s="33"/>
      <c r="AK44" s="33"/>
      <c r="AL44" s="34"/>
      <c r="AM44" s="35"/>
      <c r="AN44" s="35"/>
      <c r="AO44" s="36"/>
    </row>
    <row r="45" spans="1:41" s="59" customFormat="1" ht="9.75" customHeight="1">
      <c r="A45" s="40"/>
      <c r="B45" s="193"/>
      <c r="C45" s="169"/>
      <c r="D45" s="193"/>
      <c r="E45" s="219"/>
      <c r="F45" s="222"/>
      <c r="G45" s="169"/>
      <c r="H45" s="44"/>
      <c r="I45" s="169"/>
      <c r="J45" s="44"/>
      <c r="K45" s="192"/>
      <c r="L45" s="169"/>
      <c r="M45" s="191"/>
      <c r="N45" s="45"/>
      <c r="O45" s="168"/>
      <c r="P45" s="168"/>
      <c r="Q45" s="41"/>
      <c r="R45" s="169"/>
      <c r="S45" s="168"/>
      <c r="T45" s="190"/>
      <c r="U45" s="168"/>
      <c r="V45" s="44"/>
      <c r="W45" s="45"/>
      <c r="X45" s="45"/>
      <c r="Y45" s="45"/>
      <c r="Z45" s="189"/>
      <c r="AA45" s="33"/>
      <c r="AB45" s="33"/>
      <c r="AC45" s="33"/>
      <c r="AD45" s="34"/>
      <c r="AE45" s="35"/>
      <c r="AF45" s="35"/>
      <c r="AG45" s="35"/>
      <c r="AH45" s="33"/>
      <c r="AI45" s="33"/>
      <c r="AJ45" s="33"/>
      <c r="AK45" s="33"/>
      <c r="AL45" s="34"/>
      <c r="AM45" s="35"/>
      <c r="AN45" s="35"/>
      <c r="AO45" s="36"/>
    </row>
    <row r="46" spans="1:41" s="59" customFormat="1" ht="9.75" customHeight="1">
      <c r="A46" s="40"/>
      <c r="B46" s="194"/>
      <c r="C46" s="169"/>
      <c r="D46" s="193"/>
      <c r="E46" s="169"/>
      <c r="F46" s="170"/>
      <c r="G46" s="169"/>
      <c r="H46" s="44"/>
      <c r="I46" s="169"/>
      <c r="J46" s="44"/>
      <c r="K46" s="192"/>
      <c r="L46" s="169"/>
      <c r="M46" s="191"/>
      <c r="N46" s="45"/>
      <c r="O46" s="168"/>
      <c r="P46" s="227" t="s">
        <v>726</v>
      </c>
      <c r="Q46" s="221" t="s">
        <v>725</v>
      </c>
      <c r="R46" s="162"/>
      <c r="S46" s="167"/>
      <c r="T46" s="196"/>
      <c r="U46" s="167"/>
      <c r="V46" s="69"/>
      <c r="W46" s="70"/>
      <c r="X46" s="70"/>
      <c r="Y46" s="70"/>
      <c r="Z46" s="195" t="s">
        <v>1</v>
      </c>
      <c r="AA46" s="74"/>
      <c r="AB46" s="74"/>
      <c r="AC46" s="74"/>
      <c r="AD46" s="75"/>
      <c r="AE46" s="25"/>
      <c r="AF46" s="25"/>
      <c r="AG46" s="25"/>
      <c r="AH46" s="74"/>
      <c r="AI46" s="74"/>
      <c r="AJ46" s="74"/>
      <c r="AK46" s="74"/>
      <c r="AL46" s="75"/>
      <c r="AM46" s="25"/>
      <c r="AN46" s="25"/>
      <c r="AO46" s="32"/>
    </row>
    <row r="47" spans="1:41" s="59" customFormat="1" ht="9.75" customHeight="1">
      <c r="A47" s="40"/>
      <c r="B47" s="194"/>
      <c r="C47" s="169"/>
      <c r="D47" s="193"/>
      <c r="E47" s="169"/>
      <c r="F47" s="170"/>
      <c r="G47" s="169"/>
      <c r="H47" s="44"/>
      <c r="I47" s="169"/>
      <c r="J47" s="44"/>
      <c r="K47" s="192"/>
      <c r="L47" s="169"/>
      <c r="M47" s="191"/>
      <c r="N47" s="45"/>
      <c r="O47" s="168"/>
      <c r="P47" s="228"/>
      <c r="Q47" s="222"/>
      <c r="R47" s="169"/>
      <c r="S47" s="168" t="s">
        <v>724</v>
      </c>
      <c r="T47" s="190" t="s">
        <v>723</v>
      </c>
      <c r="U47" s="168"/>
      <c r="V47" s="44" t="s">
        <v>22</v>
      </c>
      <c r="W47" s="45" t="s">
        <v>22</v>
      </c>
      <c r="X47" s="45" t="s">
        <v>22</v>
      </c>
      <c r="Y47" s="45" t="s">
        <v>722</v>
      </c>
      <c r="Z47" s="189"/>
      <c r="AA47" s="33"/>
      <c r="AB47" s="33"/>
      <c r="AC47" s="33"/>
      <c r="AD47" s="34"/>
      <c r="AE47" s="35"/>
      <c r="AF47" s="35"/>
      <c r="AG47" s="35"/>
      <c r="AH47" s="33"/>
      <c r="AI47" s="33"/>
      <c r="AJ47" s="33"/>
      <c r="AK47" s="33"/>
      <c r="AL47" s="34"/>
      <c r="AM47" s="35"/>
      <c r="AN47" s="35"/>
      <c r="AO47" s="36"/>
    </row>
    <row r="48" spans="1:41" s="59" customFormat="1" ht="9.75" customHeight="1">
      <c r="A48" s="40"/>
      <c r="B48" s="194"/>
      <c r="C48" s="169"/>
      <c r="D48" s="193"/>
      <c r="E48" s="169"/>
      <c r="F48" s="170"/>
      <c r="G48" s="169"/>
      <c r="H48" s="44"/>
      <c r="I48" s="169"/>
      <c r="J48" s="44"/>
      <c r="K48" s="192"/>
      <c r="L48" s="169"/>
      <c r="M48" s="191"/>
      <c r="N48" s="45"/>
      <c r="O48" s="168"/>
      <c r="P48" s="229"/>
      <c r="Q48" s="223"/>
      <c r="R48" s="169"/>
      <c r="S48" s="168"/>
      <c r="T48" s="190"/>
      <c r="U48" s="168"/>
      <c r="V48" s="44"/>
      <c r="W48" s="45"/>
      <c r="X48" s="45"/>
      <c r="Y48" s="45"/>
      <c r="Z48" s="189"/>
      <c r="AA48" s="33"/>
      <c r="AB48" s="33"/>
      <c r="AC48" s="33"/>
      <c r="AD48" s="34"/>
      <c r="AE48" s="35"/>
      <c r="AF48" s="35"/>
      <c r="AG48" s="35"/>
      <c r="AH48" s="33"/>
      <c r="AI48" s="33"/>
      <c r="AJ48" s="33"/>
      <c r="AK48" s="33"/>
      <c r="AL48" s="34"/>
      <c r="AM48" s="35"/>
      <c r="AN48" s="35"/>
      <c r="AO48" s="36"/>
    </row>
    <row r="49" spans="1:41" s="59" customFormat="1" ht="9.75" customHeight="1">
      <c r="A49" s="76"/>
      <c r="B49" s="188"/>
      <c r="C49" s="167"/>
      <c r="D49" s="188"/>
      <c r="E49" s="167"/>
      <c r="F49" s="68"/>
      <c r="G49" s="103"/>
      <c r="H49" s="104"/>
      <c r="I49" s="103"/>
      <c r="J49" s="104"/>
      <c r="K49" s="187"/>
      <c r="L49" s="103"/>
      <c r="M49" s="186"/>
      <c r="N49" s="105"/>
      <c r="O49" s="106"/>
      <c r="P49" s="106"/>
      <c r="Q49" s="65"/>
      <c r="R49" s="103"/>
      <c r="S49" s="106"/>
      <c r="T49" s="185"/>
      <c r="U49" s="106"/>
      <c r="V49" s="104"/>
      <c r="W49" s="105"/>
      <c r="X49" s="105"/>
      <c r="Y49" s="105"/>
      <c r="Z49" s="184" t="s">
        <v>1</v>
      </c>
      <c r="AA49" s="109"/>
      <c r="AB49" s="109"/>
      <c r="AC49" s="109"/>
      <c r="AD49" s="110"/>
      <c r="AE49" s="111"/>
      <c r="AF49" s="111"/>
      <c r="AG49" s="111"/>
      <c r="AH49" s="109"/>
      <c r="AI49" s="109"/>
      <c r="AJ49" s="109"/>
      <c r="AK49" s="109"/>
      <c r="AL49" s="110"/>
      <c r="AM49" s="111"/>
      <c r="AN49" s="111"/>
      <c r="AO49" s="112"/>
    </row>
    <row r="50" spans="1:41" s="59" customFormat="1" ht="9.75" customHeight="1">
      <c r="A50" s="248" t="s">
        <v>660</v>
      </c>
      <c r="B50" s="249"/>
      <c r="C50" s="250"/>
      <c r="D50" s="250"/>
      <c r="E50" s="250"/>
      <c r="F50" s="236"/>
      <c r="G50" s="273" t="s">
        <v>127</v>
      </c>
      <c r="H50" s="274"/>
      <c r="I50" s="52" t="s">
        <v>23</v>
      </c>
      <c r="J50" s="53" t="s">
        <v>128</v>
      </c>
      <c r="K50" s="54" t="s">
        <v>22</v>
      </c>
      <c r="L50" s="52"/>
      <c r="M50" s="53" t="s">
        <v>22</v>
      </c>
      <c r="N50" s="183" t="s">
        <v>129</v>
      </c>
      <c r="O50" s="182"/>
      <c r="P50" s="55"/>
      <c r="Q50" s="56"/>
      <c r="R50" s="52"/>
      <c r="S50" s="55"/>
      <c r="T50" s="181" t="s">
        <v>130</v>
      </c>
      <c r="U50" s="55"/>
      <c r="V50" s="53" t="s">
        <v>22</v>
      </c>
      <c r="W50" s="54" t="s">
        <v>22</v>
      </c>
      <c r="X50" s="53" t="s">
        <v>22</v>
      </c>
      <c r="Y50" s="54" t="s">
        <v>721</v>
      </c>
      <c r="Z50" s="180"/>
      <c r="AA50" s="61"/>
      <c r="AB50" s="61"/>
      <c r="AC50" s="61"/>
      <c r="AD50" s="61"/>
      <c r="AE50" s="62"/>
      <c r="AF50" s="62"/>
      <c r="AG50" s="62"/>
      <c r="AH50" s="60"/>
      <c r="AI50" s="60"/>
      <c r="AJ50" s="60"/>
      <c r="AK50" s="60"/>
      <c r="AL50" s="61"/>
      <c r="AM50" s="61"/>
      <c r="AN50" s="61"/>
      <c r="AO50" s="63"/>
    </row>
    <row r="51" spans="1:41" s="59" customFormat="1" ht="9.75" customHeight="1">
      <c r="A51" s="77"/>
      <c r="B51" s="179"/>
      <c r="C51" s="82"/>
      <c r="D51" s="179"/>
      <c r="E51" s="82"/>
      <c r="F51" s="78"/>
      <c r="G51" s="79"/>
      <c r="H51" s="80"/>
      <c r="I51" s="79"/>
      <c r="J51" s="80"/>
      <c r="K51" s="178"/>
      <c r="L51" s="79"/>
      <c r="M51" s="177"/>
      <c r="N51" s="81"/>
      <c r="O51" s="82"/>
      <c r="P51" s="82"/>
      <c r="Q51" s="78"/>
      <c r="R51" s="79"/>
      <c r="S51" s="82"/>
      <c r="T51" s="176"/>
      <c r="U51" s="82"/>
      <c r="V51" s="80"/>
      <c r="W51" s="81"/>
      <c r="X51" s="81"/>
      <c r="Y51" s="81"/>
      <c r="Z51" s="175"/>
      <c r="AA51" s="117"/>
      <c r="AB51" s="117"/>
      <c r="AC51" s="117"/>
      <c r="AD51" s="118"/>
      <c r="AE51" s="119"/>
      <c r="AF51" s="119"/>
      <c r="AG51" s="119"/>
      <c r="AH51" s="117"/>
      <c r="AI51" s="117"/>
      <c r="AJ51" s="117"/>
      <c r="AK51" s="117"/>
      <c r="AL51" s="118"/>
      <c r="AM51" s="119"/>
      <c r="AN51" s="119"/>
      <c r="AO51" s="120"/>
    </row>
    <row r="52" spans="1:41" ht="9.75" customHeight="1">
      <c r="A52" s="134"/>
      <c r="B52" s="135"/>
      <c r="C52" s="135"/>
      <c r="D52" s="135"/>
      <c r="E52" s="135"/>
      <c r="F52" s="135"/>
      <c r="G52" s="135"/>
      <c r="H52" s="135"/>
      <c r="I52" s="135"/>
      <c r="J52" s="135"/>
      <c r="K52" s="135"/>
      <c r="L52" s="135"/>
      <c r="M52" s="135"/>
      <c r="N52" s="135"/>
      <c r="O52" s="135"/>
      <c r="P52" s="135"/>
      <c r="Q52" s="135"/>
      <c r="R52" s="135"/>
      <c r="S52" s="135"/>
      <c r="T52" s="135"/>
      <c r="U52" s="135"/>
      <c r="V52" s="135"/>
      <c r="W52" s="135"/>
      <c r="X52" s="135"/>
      <c r="Y52" s="135"/>
      <c r="Z52" s="136"/>
      <c r="AA52" s="136"/>
      <c r="AB52" s="136"/>
      <c r="AC52" s="136"/>
      <c r="AD52" s="136"/>
      <c r="AE52" s="136"/>
      <c r="AF52" s="136"/>
      <c r="AG52" s="136"/>
      <c r="AH52" s="136"/>
      <c r="AI52" s="136"/>
      <c r="AJ52" s="136"/>
      <c r="AK52" s="136"/>
      <c r="AL52" s="136"/>
      <c r="AM52" s="136"/>
      <c r="AN52" s="136"/>
      <c r="AO52" s="137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49">
    <mergeCell ref="Q46:Q48"/>
    <mergeCell ref="P46:P48"/>
    <mergeCell ref="Q31:Q33"/>
    <mergeCell ref="P31:P33"/>
    <mergeCell ref="Q34:Q36"/>
    <mergeCell ref="P34:P36"/>
    <mergeCell ref="Q37:Q39"/>
    <mergeCell ref="P37:P39"/>
    <mergeCell ref="F28:F30"/>
    <mergeCell ref="E28:E30"/>
    <mergeCell ref="F43:F45"/>
    <mergeCell ref="E43:E45"/>
    <mergeCell ref="Q19:Q21"/>
    <mergeCell ref="P19:P21"/>
    <mergeCell ref="Q25:Q27"/>
    <mergeCell ref="P25:P27"/>
    <mergeCell ref="Q40:Q42"/>
    <mergeCell ref="P40:P42"/>
    <mergeCell ref="B10:B12"/>
    <mergeCell ref="A10:A12"/>
    <mergeCell ref="D13:D15"/>
    <mergeCell ref="C13:C15"/>
    <mergeCell ref="F22:F24"/>
    <mergeCell ref="E22:E24"/>
    <mergeCell ref="U5:X5"/>
    <mergeCell ref="X6:X8"/>
    <mergeCell ref="P7:Q8"/>
    <mergeCell ref="F16:F18"/>
    <mergeCell ref="E16:E18"/>
    <mergeCell ref="Q10:Q12"/>
    <mergeCell ref="P10:P12"/>
    <mergeCell ref="U6:V8"/>
    <mergeCell ref="R7:S8"/>
    <mergeCell ref="A50:F50"/>
    <mergeCell ref="G50:H50"/>
    <mergeCell ref="Y5:Y8"/>
    <mergeCell ref="Z5:AO8"/>
    <mergeCell ref="G6:H8"/>
    <mergeCell ref="I6:J8"/>
    <mergeCell ref="K6:K8"/>
    <mergeCell ref="L6:M8"/>
    <mergeCell ref="N6:N8"/>
    <mergeCell ref="P6:S6"/>
    <mergeCell ref="W6:W8"/>
    <mergeCell ref="A5:B8"/>
    <mergeCell ref="C5:D8"/>
    <mergeCell ref="E5:F8"/>
    <mergeCell ref="G5:S5"/>
    <mergeCell ref="T5:T8"/>
  </mergeCells>
  <phoneticPr fontId="1"/>
  <pageMargins left="0.39370078740157483" right="0.39370078740157483" top="0.39370078740157483" bottom="0.39370078740157483" header="0.19685039370078741" footer="0.19685039370078741"/>
  <pageSetup paperSize="9" firstPageNumber="228" pageOrder="overThenDown" orientation="portrait" useFirstPageNumber="1" r:id="rId1"/>
  <headerFooter>
    <oddFooter>&amp;C- &amp;P -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163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164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33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74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165</v>
      </c>
      <c r="I12" s="52"/>
      <c r="J12" s="53" t="s">
        <v>22</v>
      </c>
      <c r="K12" s="54" t="s">
        <v>22</v>
      </c>
      <c r="L12" s="54" t="s">
        <v>165</v>
      </c>
      <c r="M12" s="55"/>
      <c r="N12" s="55"/>
      <c r="O12" s="56"/>
      <c r="P12" s="52"/>
      <c r="Q12" s="53"/>
      <c r="R12" s="52" t="s">
        <v>166</v>
      </c>
      <c r="S12" s="57"/>
      <c r="T12" s="58" t="s">
        <v>166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30" t="s">
        <v>575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167</v>
      </c>
      <c r="I15" s="43"/>
      <c r="J15" s="44" t="s">
        <v>22</v>
      </c>
      <c r="K15" s="45" t="s">
        <v>22</v>
      </c>
      <c r="L15" s="45" t="s">
        <v>167</v>
      </c>
      <c r="M15" s="42"/>
      <c r="N15" s="42"/>
      <c r="O15" s="64"/>
      <c r="P15" s="43"/>
      <c r="Q15" s="44"/>
      <c r="R15" s="43" t="s">
        <v>167</v>
      </c>
      <c r="S15" s="46"/>
      <c r="T15" s="47" t="s">
        <v>167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30" t="s">
        <v>575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167</v>
      </c>
      <c r="I18" s="43"/>
      <c r="J18" s="44" t="s">
        <v>22</v>
      </c>
      <c r="K18" s="45" t="s">
        <v>22</v>
      </c>
      <c r="L18" s="45" t="s">
        <v>167</v>
      </c>
      <c r="M18" s="42"/>
      <c r="N18" s="42"/>
      <c r="O18" s="64"/>
      <c r="P18" s="43"/>
      <c r="Q18" s="44"/>
      <c r="R18" s="43" t="s">
        <v>167</v>
      </c>
      <c r="S18" s="46"/>
      <c r="T18" s="47" t="s">
        <v>167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30" t="s">
        <v>57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167</v>
      </c>
      <c r="R21" s="43" t="s">
        <v>167</v>
      </c>
      <c r="S21" s="46"/>
      <c r="T21" s="47" t="s">
        <v>167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80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168</v>
      </c>
      <c r="I24" s="43"/>
      <c r="J24" s="44" t="s">
        <v>22</v>
      </c>
      <c r="K24" s="45" t="s">
        <v>22</v>
      </c>
      <c r="L24" s="45" t="s">
        <v>168</v>
      </c>
      <c r="M24" s="42"/>
      <c r="N24" s="42"/>
      <c r="O24" s="41"/>
      <c r="P24" s="43"/>
      <c r="Q24" s="44"/>
      <c r="R24" s="43" t="s">
        <v>169</v>
      </c>
      <c r="S24" s="46"/>
      <c r="T24" s="47" t="s">
        <v>169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80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168</v>
      </c>
      <c r="I27" s="43"/>
      <c r="J27" s="44" t="s">
        <v>22</v>
      </c>
      <c r="K27" s="45" t="s">
        <v>22</v>
      </c>
      <c r="L27" s="45" t="s">
        <v>168</v>
      </c>
      <c r="M27" s="42"/>
      <c r="N27" s="42"/>
      <c r="O27" s="64"/>
      <c r="P27" s="43"/>
      <c r="Q27" s="44"/>
      <c r="R27" s="43" t="s">
        <v>169</v>
      </c>
      <c r="S27" s="46"/>
      <c r="T27" s="47" t="s">
        <v>169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220"/>
      <c r="F28" s="223"/>
      <c r="G28" s="91"/>
      <c r="H28" s="92"/>
      <c r="I28" s="91"/>
      <c r="J28" s="92"/>
      <c r="K28" s="48"/>
      <c r="L28" s="48"/>
      <c r="M28" s="49"/>
      <c r="N28" s="49"/>
      <c r="O28" s="102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654</v>
      </c>
      <c r="D29" s="221" t="s">
        <v>82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22</v>
      </c>
      <c r="I30" s="43"/>
      <c r="J30" s="44" t="s">
        <v>22</v>
      </c>
      <c r="K30" s="45" t="s">
        <v>22</v>
      </c>
      <c r="L30" s="45" t="s">
        <v>22</v>
      </c>
      <c r="M30" s="42"/>
      <c r="N30" s="42"/>
      <c r="O30" s="41"/>
      <c r="P30" s="43"/>
      <c r="Q30" s="44"/>
      <c r="R30" s="43" t="s">
        <v>170</v>
      </c>
      <c r="S30" s="46"/>
      <c r="T30" s="47" t="s">
        <v>170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5</v>
      </c>
      <c r="F32" s="221" t="s">
        <v>83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22</v>
      </c>
      <c r="I33" s="43"/>
      <c r="J33" s="44" t="s">
        <v>22</v>
      </c>
      <c r="K33" s="45" t="s">
        <v>22</v>
      </c>
      <c r="L33" s="45" t="s">
        <v>22</v>
      </c>
      <c r="M33" s="42"/>
      <c r="N33" s="42"/>
      <c r="O33" s="64"/>
      <c r="P33" s="43"/>
      <c r="Q33" s="44"/>
      <c r="R33" s="43" t="s">
        <v>170</v>
      </c>
      <c r="S33" s="46"/>
      <c r="T33" s="47" t="s">
        <v>170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89"/>
      <c r="B34" s="90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76"/>
      <c r="B35" s="115"/>
      <c r="C35" s="115"/>
      <c r="D35" s="115"/>
      <c r="E35" s="115"/>
      <c r="F35" s="115"/>
      <c r="G35" s="103"/>
      <c r="H35" s="104"/>
      <c r="I35" s="103"/>
      <c r="J35" s="104"/>
      <c r="K35" s="105"/>
      <c r="L35" s="105"/>
      <c r="M35" s="106"/>
      <c r="N35" s="106"/>
      <c r="O35" s="65"/>
      <c r="P35" s="103"/>
      <c r="Q35" s="104"/>
      <c r="R35" s="103"/>
      <c r="S35" s="107"/>
      <c r="T35" s="108"/>
      <c r="U35" s="104"/>
      <c r="V35" s="103"/>
      <c r="W35" s="104"/>
      <c r="X35" s="109" t="s">
        <v>1</v>
      </c>
      <c r="Y35" s="109"/>
      <c r="Z35" s="109"/>
      <c r="AA35" s="109"/>
      <c r="AB35" s="110"/>
      <c r="AC35" s="110"/>
      <c r="AD35" s="110"/>
      <c r="AE35" s="110"/>
      <c r="AF35" s="110"/>
      <c r="AG35" s="110"/>
      <c r="AH35" s="110"/>
      <c r="AI35" s="110"/>
      <c r="AJ35" s="110"/>
      <c r="AK35" s="111"/>
      <c r="AL35" s="111"/>
      <c r="AM35" s="112"/>
    </row>
    <row r="36" spans="1:39" s="59" customFormat="1" ht="9.75" customHeight="1">
      <c r="A36" s="248" t="s">
        <v>19</v>
      </c>
      <c r="B36" s="249"/>
      <c r="C36" s="250"/>
      <c r="D36" s="250"/>
      <c r="E36" s="250"/>
      <c r="F36" s="236"/>
      <c r="G36" s="52"/>
      <c r="H36" s="53" t="s">
        <v>165</v>
      </c>
      <c r="I36" s="52"/>
      <c r="J36" s="53" t="s">
        <v>22</v>
      </c>
      <c r="K36" s="54" t="s">
        <v>22</v>
      </c>
      <c r="L36" s="54" t="s">
        <v>165</v>
      </c>
      <c r="M36" s="55"/>
      <c r="N36" s="55"/>
      <c r="O36" s="56"/>
      <c r="P36" s="52"/>
      <c r="Q36" s="53"/>
      <c r="R36" s="52" t="s">
        <v>166</v>
      </c>
      <c r="S36" s="57"/>
      <c r="T36" s="58" t="s">
        <v>166</v>
      </c>
      <c r="U36" s="53" t="s">
        <v>22</v>
      </c>
      <c r="V36" s="52"/>
      <c r="W36" s="53" t="s">
        <v>22</v>
      </c>
      <c r="X36" s="60"/>
      <c r="Y36" s="60"/>
      <c r="Z36" s="60"/>
      <c r="AA36" s="60"/>
      <c r="AB36" s="61"/>
      <c r="AC36" s="61"/>
      <c r="AD36" s="61"/>
      <c r="AE36" s="61"/>
      <c r="AF36" s="61"/>
      <c r="AG36" s="61"/>
      <c r="AH36" s="61"/>
      <c r="AI36" s="61"/>
      <c r="AJ36" s="61"/>
      <c r="AK36" s="62"/>
      <c r="AL36" s="62"/>
      <c r="AM36" s="63"/>
    </row>
    <row r="37" spans="1:39" s="59" customFormat="1" ht="9.75" customHeight="1">
      <c r="A37" s="77"/>
      <c r="B37" s="116"/>
      <c r="C37" s="116"/>
      <c r="D37" s="116"/>
      <c r="E37" s="116"/>
      <c r="F37" s="116"/>
      <c r="G37" s="79"/>
      <c r="H37" s="80"/>
      <c r="I37" s="79"/>
      <c r="J37" s="80"/>
      <c r="K37" s="81"/>
      <c r="L37" s="81"/>
      <c r="M37" s="82"/>
      <c r="N37" s="82"/>
      <c r="O37" s="78"/>
      <c r="P37" s="79"/>
      <c r="Q37" s="80"/>
      <c r="R37" s="79"/>
      <c r="S37" s="83"/>
      <c r="T37" s="84"/>
      <c r="U37" s="80"/>
      <c r="V37" s="79"/>
      <c r="W37" s="80"/>
      <c r="X37" s="117"/>
      <c r="Y37" s="117"/>
      <c r="Z37" s="117"/>
      <c r="AA37" s="117"/>
      <c r="AB37" s="118"/>
      <c r="AC37" s="118"/>
      <c r="AD37" s="118"/>
      <c r="AE37" s="118"/>
      <c r="AF37" s="118"/>
      <c r="AG37" s="118"/>
      <c r="AH37" s="118"/>
      <c r="AI37" s="118"/>
      <c r="AJ37" s="118"/>
      <c r="AK37" s="119"/>
      <c r="AL37" s="119"/>
      <c r="AM37" s="120"/>
    </row>
    <row r="38" spans="1:39" ht="9.75" customHeight="1">
      <c r="A38" s="134"/>
      <c r="B38" s="135"/>
      <c r="C38" s="135"/>
      <c r="D38" s="135"/>
      <c r="E38" s="135"/>
      <c r="F38" s="135"/>
      <c r="G38" s="135"/>
      <c r="H38" s="135"/>
      <c r="I38" s="135"/>
      <c r="J38" s="135"/>
      <c r="K38" s="135"/>
      <c r="L38" s="135"/>
      <c r="M38" s="135"/>
      <c r="N38" s="135"/>
      <c r="O38" s="135"/>
      <c r="P38" s="135"/>
      <c r="Q38" s="135"/>
      <c r="R38" s="135"/>
      <c r="S38" s="135"/>
      <c r="T38" s="135"/>
      <c r="U38" s="135"/>
      <c r="V38" s="135"/>
      <c r="W38" s="135"/>
      <c r="X38" s="136"/>
      <c r="Y38" s="136"/>
      <c r="Z38" s="136"/>
      <c r="AA38" s="136"/>
      <c r="AB38" s="136"/>
      <c r="AC38" s="136"/>
      <c r="AD38" s="136"/>
      <c r="AE38" s="136"/>
      <c r="AF38" s="136"/>
      <c r="AG38" s="136"/>
      <c r="AH38" s="136"/>
      <c r="AI38" s="136"/>
      <c r="AJ38" s="136"/>
      <c r="AK38" s="136"/>
      <c r="AL38" s="136"/>
      <c r="AM38" s="137"/>
    </row>
    <row r="39" spans="1:39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40"/>
    </row>
    <row r="40" spans="1:39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40"/>
    </row>
    <row r="41" spans="1:39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40"/>
    </row>
    <row r="42" spans="1:39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40"/>
    </row>
    <row r="43" spans="1:39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40"/>
    </row>
    <row r="44" spans="1:39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40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5">
    <mergeCell ref="A36:F36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29:D31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E17:E19"/>
    <mergeCell ref="F26:F28"/>
    <mergeCell ref="E26:E28"/>
    <mergeCell ref="A2:L2"/>
    <mergeCell ref="F32:F34"/>
    <mergeCell ref="E32:E34"/>
    <mergeCell ref="O20:O22"/>
    <mergeCell ref="N20:N22"/>
    <mergeCell ref="C29:C31"/>
  </mergeCells>
  <phoneticPr fontId="1"/>
  <pageMargins left="0.43307086614173229" right="0.39370078740157483" top="0.19685039370078741" bottom="0" header="0.19685039370078741" footer="0.19685039370078741"/>
  <pageSetup paperSize="9" firstPageNumber="230" pageOrder="overThenDown" orientation="portrait" useFirstPageNumber="1" r:id="rId1"/>
  <headerFooter>
    <oddFooter>&amp;C- &amp;P -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76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300" t="s">
        <v>760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98"/>
      <c r="C11" s="52"/>
      <c r="D11" s="206"/>
      <c r="E11" s="52"/>
      <c r="F11" s="171"/>
      <c r="G11" s="52"/>
      <c r="H11" s="53" t="s">
        <v>165</v>
      </c>
      <c r="I11" s="52"/>
      <c r="J11" s="53" t="s">
        <v>22</v>
      </c>
      <c r="K11" s="183" t="s">
        <v>22</v>
      </c>
      <c r="L11" s="52"/>
      <c r="M11" s="205" t="s">
        <v>22</v>
      </c>
      <c r="N11" s="54" t="s">
        <v>165</v>
      </c>
      <c r="O11" s="55"/>
      <c r="P11" s="228"/>
      <c r="Q11" s="294"/>
      <c r="R11" s="52"/>
      <c r="S11" s="55"/>
      <c r="T11" s="204" t="s">
        <v>167</v>
      </c>
      <c r="U11" s="55"/>
      <c r="V11" s="53" t="s">
        <v>22</v>
      </c>
      <c r="W11" s="54" t="s">
        <v>22</v>
      </c>
      <c r="X11" s="54" t="s">
        <v>22</v>
      </c>
      <c r="Y11" s="54" t="s">
        <v>168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98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21" t="s">
        <v>665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67</v>
      </c>
      <c r="I14" s="169"/>
      <c r="J14" s="44" t="s">
        <v>22</v>
      </c>
      <c r="K14" s="192" t="s">
        <v>22</v>
      </c>
      <c r="L14" s="169"/>
      <c r="M14" s="191" t="s">
        <v>22</v>
      </c>
      <c r="N14" s="45" t="s">
        <v>167</v>
      </c>
      <c r="O14" s="168"/>
      <c r="P14" s="168"/>
      <c r="Q14" s="170"/>
      <c r="R14" s="169"/>
      <c r="S14" s="168"/>
      <c r="T14" s="190" t="s">
        <v>167</v>
      </c>
      <c r="U14" s="168"/>
      <c r="V14" s="44" t="s">
        <v>22</v>
      </c>
      <c r="W14" s="45" t="s">
        <v>22</v>
      </c>
      <c r="X14" s="45" t="s">
        <v>22</v>
      </c>
      <c r="Y14" s="45" t="s">
        <v>22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30" t="s">
        <v>759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2"/>
      <c r="G17" s="169"/>
      <c r="H17" s="44" t="s">
        <v>67</v>
      </c>
      <c r="I17" s="169"/>
      <c r="J17" s="44" t="s">
        <v>22</v>
      </c>
      <c r="K17" s="192" t="s">
        <v>22</v>
      </c>
      <c r="L17" s="169"/>
      <c r="M17" s="191" t="s">
        <v>22</v>
      </c>
      <c r="N17" s="45" t="s">
        <v>67</v>
      </c>
      <c r="O17" s="168"/>
      <c r="P17" s="168"/>
      <c r="Q17" s="170"/>
      <c r="R17" s="169"/>
      <c r="S17" s="168"/>
      <c r="T17" s="190" t="s">
        <v>67</v>
      </c>
      <c r="U17" s="168"/>
      <c r="V17" s="44" t="s">
        <v>22</v>
      </c>
      <c r="W17" s="45" t="s">
        <v>22</v>
      </c>
      <c r="X17" s="45" t="s">
        <v>22</v>
      </c>
      <c r="Y17" s="45" t="s">
        <v>22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2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66</v>
      </c>
      <c r="Q19" s="221" t="s">
        <v>665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67</v>
      </c>
      <c r="T20" s="190" t="s">
        <v>67</v>
      </c>
      <c r="U20" s="168"/>
      <c r="V20" s="44" t="s">
        <v>22</v>
      </c>
      <c r="W20" s="45" t="s">
        <v>22</v>
      </c>
      <c r="X20" s="45" t="s">
        <v>22</v>
      </c>
      <c r="Y20" s="45" t="s">
        <v>22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3"/>
      <c r="C22" s="169"/>
      <c r="D22" s="170"/>
      <c r="E22" s="218" t="s">
        <v>25</v>
      </c>
      <c r="F22" s="224" t="s">
        <v>758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169"/>
      <c r="D23" s="193"/>
      <c r="E23" s="219"/>
      <c r="F23" s="225"/>
      <c r="G23" s="169"/>
      <c r="H23" s="44" t="s">
        <v>67</v>
      </c>
      <c r="I23" s="169"/>
      <c r="J23" s="44" t="s">
        <v>22</v>
      </c>
      <c r="K23" s="192" t="s">
        <v>22</v>
      </c>
      <c r="L23" s="169"/>
      <c r="M23" s="191" t="s">
        <v>22</v>
      </c>
      <c r="N23" s="45" t="s">
        <v>67</v>
      </c>
      <c r="O23" s="168"/>
      <c r="P23" s="168"/>
      <c r="Q23" s="41"/>
      <c r="R23" s="169"/>
      <c r="S23" s="168"/>
      <c r="T23" s="190" t="s">
        <v>67</v>
      </c>
      <c r="U23" s="168"/>
      <c r="V23" s="44" t="s">
        <v>22</v>
      </c>
      <c r="W23" s="45" t="s">
        <v>22</v>
      </c>
      <c r="X23" s="45" t="s">
        <v>22</v>
      </c>
      <c r="Y23" s="45" t="s">
        <v>22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169"/>
      <c r="D24" s="193"/>
      <c r="E24" s="219"/>
      <c r="F24" s="225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3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666</v>
      </c>
      <c r="Q25" s="221" t="s">
        <v>665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67</v>
      </c>
      <c r="T26" s="190" t="s">
        <v>67</v>
      </c>
      <c r="U26" s="168"/>
      <c r="V26" s="44" t="s">
        <v>22</v>
      </c>
      <c r="W26" s="45" t="s">
        <v>22</v>
      </c>
      <c r="X26" s="45" t="s">
        <v>22</v>
      </c>
      <c r="Y26" s="45" t="s">
        <v>22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72"/>
      <c r="D27" s="213"/>
      <c r="E27" s="172"/>
      <c r="F27" s="173"/>
      <c r="G27" s="172"/>
      <c r="H27" s="92"/>
      <c r="I27" s="172"/>
      <c r="J27" s="92"/>
      <c r="K27" s="202"/>
      <c r="L27" s="172"/>
      <c r="M27" s="201"/>
      <c r="N27" s="48"/>
      <c r="O27" s="174"/>
      <c r="P27" s="229"/>
      <c r="Q27" s="223"/>
      <c r="R27" s="172"/>
      <c r="S27" s="174"/>
      <c r="T27" s="200"/>
      <c r="U27" s="174"/>
      <c r="V27" s="92"/>
      <c r="W27" s="48"/>
      <c r="X27" s="48"/>
      <c r="Y27" s="48"/>
      <c r="Z27" s="199"/>
      <c r="AA27" s="95"/>
      <c r="AB27" s="95"/>
      <c r="AC27" s="95"/>
      <c r="AD27" s="96"/>
      <c r="AE27" s="97"/>
      <c r="AF27" s="97"/>
      <c r="AG27" s="97"/>
      <c r="AH27" s="95"/>
      <c r="AI27" s="95"/>
      <c r="AJ27" s="95"/>
      <c r="AK27" s="95"/>
      <c r="AL27" s="96"/>
      <c r="AM27" s="97"/>
      <c r="AN27" s="97"/>
      <c r="AO27" s="98"/>
    </row>
    <row r="28" spans="1:41" s="59" customFormat="1" ht="9.75" customHeight="1">
      <c r="A28" s="40"/>
      <c r="B28" s="170"/>
      <c r="C28" s="218" t="s">
        <v>25</v>
      </c>
      <c r="D28" s="221" t="s">
        <v>757</v>
      </c>
      <c r="E28" s="162"/>
      <c r="F28" s="163"/>
      <c r="G28" s="162"/>
      <c r="H28" s="69"/>
      <c r="I28" s="162"/>
      <c r="J28" s="69"/>
      <c r="K28" s="198"/>
      <c r="L28" s="162"/>
      <c r="M28" s="197"/>
      <c r="N28" s="70"/>
      <c r="O28" s="167"/>
      <c r="P28" s="167"/>
      <c r="Q28" s="68"/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3"/>
      <c r="C29" s="219"/>
      <c r="D29" s="222"/>
      <c r="E29" s="169"/>
      <c r="F29" s="170"/>
      <c r="G29" s="169"/>
      <c r="H29" s="44" t="s">
        <v>168</v>
      </c>
      <c r="I29" s="169"/>
      <c r="J29" s="44" t="s">
        <v>22</v>
      </c>
      <c r="K29" s="192" t="s">
        <v>22</v>
      </c>
      <c r="L29" s="169"/>
      <c r="M29" s="191" t="s">
        <v>22</v>
      </c>
      <c r="N29" s="45" t="s">
        <v>168</v>
      </c>
      <c r="O29" s="168"/>
      <c r="P29" s="168"/>
      <c r="Q29" s="41"/>
      <c r="R29" s="169"/>
      <c r="S29" s="168"/>
      <c r="T29" s="190" t="s">
        <v>22</v>
      </c>
      <c r="U29" s="168"/>
      <c r="V29" s="44" t="s">
        <v>22</v>
      </c>
      <c r="W29" s="45" t="s">
        <v>22</v>
      </c>
      <c r="X29" s="45" t="s">
        <v>22</v>
      </c>
      <c r="Y29" s="45" t="s">
        <v>168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3"/>
      <c r="C30" s="219"/>
      <c r="D30" s="222"/>
      <c r="E30" s="169"/>
      <c r="F30" s="170"/>
      <c r="G30" s="169"/>
      <c r="H30" s="44"/>
      <c r="I30" s="169"/>
      <c r="J30" s="44"/>
      <c r="K30" s="192"/>
      <c r="L30" s="169"/>
      <c r="M30" s="191"/>
      <c r="N30" s="45"/>
      <c r="O30" s="168"/>
      <c r="P30" s="168"/>
      <c r="Q30" s="41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70"/>
      <c r="E31" s="218" t="s">
        <v>21</v>
      </c>
      <c r="F31" s="221" t="s">
        <v>757</v>
      </c>
      <c r="G31" s="162"/>
      <c r="H31" s="69"/>
      <c r="I31" s="162"/>
      <c r="J31" s="69"/>
      <c r="K31" s="198"/>
      <c r="L31" s="162"/>
      <c r="M31" s="197"/>
      <c r="N31" s="70"/>
      <c r="O31" s="167"/>
      <c r="P31" s="167"/>
      <c r="Q31" s="68"/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3"/>
      <c r="E32" s="219"/>
      <c r="F32" s="222"/>
      <c r="G32" s="169"/>
      <c r="H32" s="44" t="s">
        <v>168</v>
      </c>
      <c r="I32" s="169"/>
      <c r="J32" s="44" t="s">
        <v>22</v>
      </c>
      <c r="K32" s="192" t="s">
        <v>22</v>
      </c>
      <c r="L32" s="169"/>
      <c r="M32" s="191" t="s">
        <v>22</v>
      </c>
      <c r="N32" s="45" t="s">
        <v>168</v>
      </c>
      <c r="O32" s="168"/>
      <c r="P32" s="168"/>
      <c r="Q32" s="170"/>
      <c r="R32" s="169"/>
      <c r="S32" s="168"/>
      <c r="T32" s="190" t="s">
        <v>22</v>
      </c>
      <c r="U32" s="168"/>
      <c r="V32" s="44" t="s">
        <v>22</v>
      </c>
      <c r="W32" s="45" t="s">
        <v>22</v>
      </c>
      <c r="X32" s="45" t="s">
        <v>22</v>
      </c>
      <c r="Y32" s="45" t="s">
        <v>168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3"/>
      <c r="E33" s="220"/>
      <c r="F33" s="223"/>
      <c r="G33" s="169"/>
      <c r="H33" s="44"/>
      <c r="I33" s="169"/>
      <c r="J33" s="44"/>
      <c r="K33" s="192"/>
      <c r="L33" s="169"/>
      <c r="M33" s="191"/>
      <c r="N33" s="45"/>
      <c r="O33" s="168"/>
      <c r="P33" s="168"/>
      <c r="Q33" s="170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76"/>
      <c r="B34" s="188"/>
      <c r="C34" s="167"/>
      <c r="D34" s="188"/>
      <c r="E34" s="167"/>
      <c r="F34" s="68"/>
      <c r="G34" s="103"/>
      <c r="H34" s="104"/>
      <c r="I34" s="103"/>
      <c r="J34" s="104"/>
      <c r="K34" s="187"/>
      <c r="L34" s="103"/>
      <c r="M34" s="186"/>
      <c r="N34" s="105"/>
      <c r="O34" s="106"/>
      <c r="P34" s="106"/>
      <c r="Q34" s="65"/>
      <c r="R34" s="103"/>
      <c r="S34" s="106"/>
      <c r="T34" s="185"/>
      <c r="U34" s="106"/>
      <c r="V34" s="104"/>
      <c r="W34" s="105"/>
      <c r="X34" s="105"/>
      <c r="Y34" s="105"/>
      <c r="Z34" s="184" t="s">
        <v>1</v>
      </c>
      <c r="AA34" s="109"/>
      <c r="AB34" s="109"/>
      <c r="AC34" s="109"/>
      <c r="AD34" s="110"/>
      <c r="AE34" s="111"/>
      <c r="AF34" s="111"/>
      <c r="AG34" s="111"/>
      <c r="AH34" s="109"/>
      <c r="AI34" s="109"/>
      <c r="AJ34" s="109"/>
      <c r="AK34" s="109"/>
      <c r="AL34" s="110"/>
      <c r="AM34" s="111"/>
      <c r="AN34" s="111"/>
      <c r="AO34" s="112"/>
    </row>
    <row r="35" spans="1:41" s="59" customFormat="1" ht="9.75" customHeight="1">
      <c r="A35" s="248" t="s">
        <v>660</v>
      </c>
      <c r="B35" s="249"/>
      <c r="C35" s="250"/>
      <c r="D35" s="250"/>
      <c r="E35" s="250"/>
      <c r="F35" s="236"/>
      <c r="G35" s="273" t="s">
        <v>165</v>
      </c>
      <c r="H35" s="274"/>
      <c r="I35" s="52"/>
      <c r="J35" s="53" t="s">
        <v>22</v>
      </c>
      <c r="K35" s="54" t="s">
        <v>22</v>
      </c>
      <c r="L35" s="52"/>
      <c r="M35" s="53" t="s">
        <v>22</v>
      </c>
      <c r="N35" s="183" t="s">
        <v>165</v>
      </c>
      <c r="O35" s="182"/>
      <c r="P35" s="55"/>
      <c r="Q35" s="56"/>
      <c r="R35" s="52"/>
      <c r="S35" s="55"/>
      <c r="T35" s="181" t="s">
        <v>167</v>
      </c>
      <c r="U35" s="55"/>
      <c r="V35" s="53" t="s">
        <v>22</v>
      </c>
      <c r="W35" s="54" t="s">
        <v>22</v>
      </c>
      <c r="X35" s="53" t="s">
        <v>22</v>
      </c>
      <c r="Y35" s="54" t="s">
        <v>168</v>
      </c>
      <c r="Z35" s="180"/>
      <c r="AA35" s="61"/>
      <c r="AB35" s="61"/>
      <c r="AC35" s="61"/>
      <c r="AD35" s="61"/>
      <c r="AE35" s="62"/>
      <c r="AF35" s="62"/>
      <c r="AG35" s="62"/>
      <c r="AH35" s="60"/>
      <c r="AI35" s="60"/>
      <c r="AJ35" s="60"/>
      <c r="AK35" s="60"/>
      <c r="AL35" s="61"/>
      <c r="AM35" s="61"/>
      <c r="AN35" s="61"/>
      <c r="AO35" s="63"/>
    </row>
    <row r="36" spans="1:41" s="59" customFormat="1" ht="9.75" customHeight="1">
      <c r="A36" s="77"/>
      <c r="B36" s="179"/>
      <c r="C36" s="82"/>
      <c r="D36" s="179"/>
      <c r="E36" s="82"/>
      <c r="F36" s="78"/>
      <c r="G36" s="79"/>
      <c r="H36" s="80"/>
      <c r="I36" s="79"/>
      <c r="J36" s="80"/>
      <c r="K36" s="178"/>
      <c r="L36" s="79"/>
      <c r="M36" s="177"/>
      <c r="N36" s="81"/>
      <c r="O36" s="82"/>
      <c r="P36" s="82"/>
      <c r="Q36" s="78"/>
      <c r="R36" s="79"/>
      <c r="S36" s="82"/>
      <c r="T36" s="176"/>
      <c r="U36" s="82"/>
      <c r="V36" s="80"/>
      <c r="W36" s="81"/>
      <c r="X36" s="81"/>
      <c r="Y36" s="81"/>
      <c r="Z36" s="175"/>
      <c r="AA36" s="117"/>
      <c r="AB36" s="117"/>
      <c r="AC36" s="117"/>
      <c r="AD36" s="118"/>
      <c r="AE36" s="119"/>
      <c r="AF36" s="119"/>
      <c r="AG36" s="119"/>
      <c r="AH36" s="117"/>
      <c r="AI36" s="117"/>
      <c r="AJ36" s="117"/>
      <c r="AK36" s="117"/>
      <c r="AL36" s="118"/>
      <c r="AM36" s="119"/>
      <c r="AN36" s="119"/>
      <c r="AO36" s="120"/>
    </row>
    <row r="37" spans="1:41" ht="9.75" customHeight="1">
      <c r="A37" s="134"/>
      <c r="B37" s="135"/>
      <c r="C37" s="135"/>
      <c r="D37" s="135"/>
      <c r="E37" s="135"/>
      <c r="F37" s="135"/>
      <c r="G37" s="135"/>
      <c r="H37" s="135"/>
      <c r="I37" s="135"/>
      <c r="J37" s="135"/>
      <c r="K37" s="135"/>
      <c r="L37" s="135"/>
      <c r="M37" s="135"/>
      <c r="N37" s="135"/>
      <c r="O37" s="135"/>
      <c r="P37" s="135"/>
      <c r="Q37" s="135"/>
      <c r="R37" s="135"/>
      <c r="S37" s="135"/>
      <c r="T37" s="135"/>
      <c r="U37" s="135"/>
      <c r="V37" s="135"/>
      <c r="W37" s="135"/>
      <c r="X37" s="135"/>
      <c r="Y37" s="135"/>
      <c r="Z37" s="136"/>
      <c r="AA37" s="136"/>
      <c r="AB37" s="136"/>
      <c r="AC37" s="136"/>
      <c r="AD37" s="136"/>
      <c r="AE37" s="136"/>
      <c r="AF37" s="136"/>
      <c r="AG37" s="136"/>
      <c r="AH37" s="136"/>
      <c r="AI37" s="136"/>
      <c r="AJ37" s="136"/>
      <c r="AK37" s="136"/>
      <c r="AL37" s="136"/>
      <c r="AM37" s="136"/>
      <c r="AN37" s="136"/>
      <c r="AO37" s="137"/>
    </row>
    <row r="38" spans="1:41" ht="9.75" customHeight="1">
      <c r="A38" s="138"/>
      <c r="B38" s="139"/>
      <c r="C38" s="139"/>
      <c r="D38" s="139"/>
      <c r="E38" s="139"/>
      <c r="F38" s="139"/>
      <c r="G38" s="139"/>
      <c r="H38" s="139"/>
      <c r="I38" s="139"/>
      <c r="J38" s="139"/>
      <c r="K38" s="139"/>
      <c r="L38" s="139"/>
      <c r="M38" s="139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39"/>
      <c r="AN38" s="139"/>
      <c r="AO38" s="140"/>
    </row>
    <row r="39" spans="1:41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39"/>
      <c r="AN39" s="139"/>
      <c r="AO39" s="140"/>
    </row>
    <row r="40" spans="1:41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39"/>
      <c r="AN40" s="139"/>
      <c r="AO40" s="140"/>
    </row>
    <row r="41" spans="1:41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  <c r="AN41" s="139"/>
      <c r="AO41" s="140"/>
    </row>
    <row r="42" spans="1:41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  <c r="AN42" s="139"/>
      <c r="AO42" s="140"/>
    </row>
    <row r="43" spans="1:41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  <c r="AN43" s="139"/>
      <c r="AO43" s="140"/>
    </row>
    <row r="44" spans="1:41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  <c r="AN44" s="139"/>
      <c r="AO44" s="140"/>
    </row>
    <row r="45" spans="1:41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  <c r="AN45" s="139"/>
      <c r="AO45" s="140"/>
    </row>
    <row r="46" spans="1:41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  <c r="AN46" s="139"/>
      <c r="AO46" s="140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39">
    <mergeCell ref="F31:F33"/>
    <mergeCell ref="E31:E33"/>
    <mergeCell ref="Q10:Q12"/>
    <mergeCell ref="P10:P12"/>
    <mergeCell ref="Q19:Q21"/>
    <mergeCell ref="P19:P21"/>
    <mergeCell ref="Q25:Q27"/>
    <mergeCell ref="P25:P27"/>
    <mergeCell ref="B10:B12"/>
    <mergeCell ref="A10:A12"/>
    <mergeCell ref="D13:D15"/>
    <mergeCell ref="C13:C15"/>
    <mergeCell ref="E22:E24"/>
    <mergeCell ref="C28:C30"/>
    <mergeCell ref="F16:F18"/>
    <mergeCell ref="E16:E18"/>
    <mergeCell ref="F22:F24"/>
    <mergeCell ref="R7:S8"/>
    <mergeCell ref="T5:T8"/>
    <mergeCell ref="U5:X5"/>
    <mergeCell ref="X6:X8"/>
    <mergeCell ref="P7:Q8"/>
    <mergeCell ref="D28:D30"/>
    <mergeCell ref="A35:F35"/>
    <mergeCell ref="G35:H3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32" pageOrder="overThenDown" orientation="portrait" useFirstPageNumber="1" r:id="rId1"/>
  <headerFooter>
    <oddFooter>&amp;C- &amp;P 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614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171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33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70" t="s">
        <v>576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172</v>
      </c>
      <c r="I12" s="52" t="s">
        <v>23</v>
      </c>
      <c r="J12" s="53" t="s">
        <v>173</v>
      </c>
      <c r="K12" s="54" t="s">
        <v>22</v>
      </c>
      <c r="L12" s="54" t="s">
        <v>174</v>
      </c>
      <c r="M12" s="55"/>
      <c r="N12" s="55"/>
      <c r="O12" s="56"/>
      <c r="P12" s="52"/>
      <c r="Q12" s="53"/>
      <c r="R12" s="52" t="s">
        <v>175</v>
      </c>
      <c r="S12" s="57"/>
      <c r="T12" s="58" t="s">
        <v>175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30" t="s">
        <v>577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176</v>
      </c>
      <c r="I15" s="43" t="s">
        <v>23</v>
      </c>
      <c r="J15" s="44" t="s">
        <v>177</v>
      </c>
      <c r="K15" s="45" t="s">
        <v>22</v>
      </c>
      <c r="L15" s="45" t="s">
        <v>178</v>
      </c>
      <c r="M15" s="42"/>
      <c r="N15" s="42"/>
      <c r="O15" s="64"/>
      <c r="P15" s="43"/>
      <c r="Q15" s="44"/>
      <c r="R15" s="43" t="s">
        <v>179</v>
      </c>
      <c r="S15" s="46"/>
      <c r="T15" s="47" t="s">
        <v>179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180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181</v>
      </c>
      <c r="I18" s="43" t="s">
        <v>23</v>
      </c>
      <c r="J18" s="44" t="s">
        <v>182</v>
      </c>
      <c r="K18" s="45" t="s">
        <v>22</v>
      </c>
      <c r="L18" s="45" t="s">
        <v>183</v>
      </c>
      <c r="M18" s="42"/>
      <c r="N18" s="42"/>
      <c r="O18" s="64"/>
      <c r="P18" s="43"/>
      <c r="Q18" s="44"/>
      <c r="R18" s="43" t="s">
        <v>184</v>
      </c>
      <c r="S18" s="46"/>
      <c r="T18" s="47" t="s">
        <v>184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24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183</v>
      </c>
      <c r="R21" s="43" t="s">
        <v>184</v>
      </c>
      <c r="S21" s="46"/>
      <c r="T21" s="47" t="s">
        <v>184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43"/>
      <c r="D22" s="41"/>
      <c r="E22" s="43"/>
      <c r="F22" s="41"/>
      <c r="G22" s="43"/>
      <c r="H22" s="44"/>
      <c r="I22" s="43"/>
      <c r="J22" s="44"/>
      <c r="K22" s="45"/>
      <c r="L22" s="45"/>
      <c r="M22" s="42"/>
      <c r="N22" s="229"/>
      <c r="O22" s="223"/>
      <c r="P22" s="43"/>
      <c r="Q22" s="44"/>
      <c r="R22" s="43"/>
      <c r="S22" s="46"/>
      <c r="T22" s="47"/>
      <c r="U22" s="44"/>
      <c r="V22" s="43"/>
      <c r="W22" s="44"/>
      <c r="X22" s="33"/>
      <c r="Y22" s="33"/>
      <c r="Z22" s="33"/>
      <c r="AA22" s="33"/>
      <c r="AB22" s="34"/>
      <c r="AC22" s="34"/>
      <c r="AD22" s="34"/>
      <c r="AE22" s="34"/>
      <c r="AF22" s="34"/>
      <c r="AG22" s="34"/>
      <c r="AH22" s="34"/>
      <c r="AI22" s="34"/>
      <c r="AJ22" s="34"/>
      <c r="AK22" s="35"/>
      <c r="AL22" s="35"/>
      <c r="AM22" s="36"/>
    </row>
    <row r="23" spans="1:39" s="59" customFormat="1" ht="9.75" customHeight="1">
      <c r="A23" s="50"/>
      <c r="B23" s="51"/>
      <c r="C23" s="43"/>
      <c r="D23" s="64"/>
      <c r="E23" s="218" t="s">
        <v>25</v>
      </c>
      <c r="F23" s="221" t="s">
        <v>185</v>
      </c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43"/>
      <c r="D24" s="64"/>
      <c r="E24" s="219"/>
      <c r="F24" s="222"/>
      <c r="G24" s="43"/>
      <c r="H24" s="44" t="s">
        <v>186</v>
      </c>
      <c r="I24" s="43"/>
      <c r="J24" s="44" t="s">
        <v>187</v>
      </c>
      <c r="K24" s="45" t="s">
        <v>22</v>
      </c>
      <c r="L24" s="45" t="s">
        <v>188</v>
      </c>
      <c r="M24" s="42"/>
      <c r="N24" s="42"/>
      <c r="O24" s="41"/>
      <c r="P24" s="43"/>
      <c r="Q24" s="44"/>
      <c r="R24" s="43" t="s">
        <v>189</v>
      </c>
      <c r="S24" s="46"/>
      <c r="T24" s="47" t="s">
        <v>189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43"/>
      <c r="D25" s="64"/>
      <c r="E25" s="219"/>
      <c r="F25" s="222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43"/>
      <c r="F26" s="64"/>
      <c r="G26" s="43"/>
      <c r="H26" s="44"/>
      <c r="I26" s="43"/>
      <c r="J26" s="44"/>
      <c r="K26" s="45"/>
      <c r="L26" s="45"/>
      <c r="M26" s="42"/>
      <c r="N26" s="227" t="s">
        <v>21</v>
      </c>
      <c r="O26" s="221" t="s">
        <v>24</v>
      </c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43"/>
      <c r="F27" s="64"/>
      <c r="G27" s="43"/>
      <c r="H27" s="44"/>
      <c r="I27" s="43"/>
      <c r="J27" s="44"/>
      <c r="K27" s="45"/>
      <c r="L27" s="45"/>
      <c r="M27" s="42"/>
      <c r="N27" s="228"/>
      <c r="O27" s="222"/>
      <c r="P27" s="43"/>
      <c r="Q27" s="44" t="s">
        <v>188</v>
      </c>
      <c r="R27" s="43" t="s">
        <v>189</v>
      </c>
      <c r="S27" s="46"/>
      <c r="T27" s="47" t="s">
        <v>189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91"/>
      <c r="D28" s="102"/>
      <c r="E28" s="91"/>
      <c r="F28" s="102"/>
      <c r="G28" s="91"/>
      <c r="H28" s="92"/>
      <c r="I28" s="91"/>
      <c r="J28" s="92"/>
      <c r="K28" s="48"/>
      <c r="L28" s="48"/>
      <c r="M28" s="49"/>
      <c r="N28" s="229"/>
      <c r="O28" s="223"/>
      <c r="P28" s="91"/>
      <c r="Q28" s="92"/>
      <c r="R28" s="91"/>
      <c r="S28" s="93"/>
      <c r="T28" s="94"/>
      <c r="U28" s="92"/>
      <c r="V28" s="91"/>
      <c r="W28" s="92"/>
      <c r="X28" s="95"/>
      <c r="Y28" s="95"/>
      <c r="Z28" s="95"/>
      <c r="AA28" s="95"/>
      <c r="AB28" s="96"/>
      <c r="AC28" s="96"/>
      <c r="AD28" s="96"/>
      <c r="AE28" s="96"/>
      <c r="AF28" s="96"/>
      <c r="AG28" s="96"/>
      <c r="AH28" s="96"/>
      <c r="AI28" s="96"/>
      <c r="AJ28" s="96"/>
      <c r="AK28" s="97"/>
      <c r="AL28" s="97"/>
      <c r="AM28" s="98"/>
    </row>
    <row r="29" spans="1:39" s="59" customFormat="1" ht="9.75" customHeight="1">
      <c r="A29" s="50"/>
      <c r="B29" s="51"/>
      <c r="C29" s="218" t="s">
        <v>25</v>
      </c>
      <c r="D29" s="230" t="s">
        <v>578</v>
      </c>
      <c r="E29" s="66"/>
      <c r="F29" s="67"/>
      <c r="G29" s="66"/>
      <c r="H29" s="69"/>
      <c r="I29" s="66"/>
      <c r="J29" s="69"/>
      <c r="K29" s="70"/>
      <c r="L29" s="70"/>
      <c r="M29" s="71"/>
      <c r="N29" s="71"/>
      <c r="O29" s="68"/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50"/>
      <c r="B30" s="51"/>
      <c r="C30" s="219"/>
      <c r="D30" s="222"/>
      <c r="E30" s="43"/>
      <c r="F30" s="64"/>
      <c r="G30" s="43"/>
      <c r="H30" s="44" t="s">
        <v>190</v>
      </c>
      <c r="I30" s="43" t="s">
        <v>23</v>
      </c>
      <c r="J30" s="44" t="s">
        <v>191</v>
      </c>
      <c r="K30" s="45" t="s">
        <v>22</v>
      </c>
      <c r="L30" s="45" t="s">
        <v>192</v>
      </c>
      <c r="M30" s="42"/>
      <c r="N30" s="42"/>
      <c r="O30" s="41"/>
      <c r="P30" s="43"/>
      <c r="Q30" s="44"/>
      <c r="R30" s="43" t="s">
        <v>193</v>
      </c>
      <c r="S30" s="46"/>
      <c r="T30" s="47" t="s">
        <v>193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50"/>
      <c r="B31" s="51"/>
      <c r="C31" s="219"/>
      <c r="D31" s="222"/>
      <c r="E31" s="43"/>
      <c r="F31" s="64"/>
      <c r="G31" s="43"/>
      <c r="H31" s="44"/>
      <c r="I31" s="43"/>
      <c r="J31" s="44"/>
      <c r="K31" s="45"/>
      <c r="L31" s="45"/>
      <c r="M31" s="42"/>
      <c r="N31" s="42"/>
      <c r="O31" s="41"/>
      <c r="P31" s="43"/>
      <c r="Q31" s="44"/>
      <c r="R31" s="43"/>
      <c r="S31" s="46"/>
      <c r="T31" s="47"/>
      <c r="U31" s="44"/>
      <c r="V31" s="43"/>
      <c r="W31" s="44"/>
      <c r="X31" s="33"/>
      <c r="Y31" s="33"/>
      <c r="Z31" s="33"/>
      <c r="AA31" s="33"/>
      <c r="AB31" s="34"/>
      <c r="AC31" s="34"/>
      <c r="AD31" s="34"/>
      <c r="AE31" s="34"/>
      <c r="AF31" s="34"/>
      <c r="AG31" s="34"/>
      <c r="AH31" s="34"/>
      <c r="AI31" s="34"/>
      <c r="AJ31" s="34"/>
      <c r="AK31" s="35"/>
      <c r="AL31" s="35"/>
      <c r="AM31" s="36"/>
    </row>
    <row r="32" spans="1:39" s="59" customFormat="1" ht="9.75" customHeight="1">
      <c r="A32" s="50"/>
      <c r="B32" s="56"/>
      <c r="C32" s="43"/>
      <c r="D32" s="64"/>
      <c r="E32" s="218" t="s">
        <v>21</v>
      </c>
      <c r="F32" s="230" t="s">
        <v>578</v>
      </c>
      <c r="G32" s="66"/>
      <c r="H32" s="69"/>
      <c r="I32" s="66"/>
      <c r="J32" s="69"/>
      <c r="K32" s="70"/>
      <c r="L32" s="70"/>
      <c r="M32" s="71"/>
      <c r="N32" s="71"/>
      <c r="O32" s="67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40"/>
      <c r="B33" s="41"/>
      <c r="C33" s="43"/>
      <c r="D33" s="64"/>
      <c r="E33" s="219"/>
      <c r="F33" s="222"/>
      <c r="G33" s="43"/>
      <c r="H33" s="44" t="s">
        <v>190</v>
      </c>
      <c r="I33" s="43" t="s">
        <v>23</v>
      </c>
      <c r="J33" s="44" t="s">
        <v>191</v>
      </c>
      <c r="K33" s="45" t="s">
        <v>22</v>
      </c>
      <c r="L33" s="45" t="s">
        <v>192</v>
      </c>
      <c r="M33" s="42"/>
      <c r="N33" s="42"/>
      <c r="O33" s="64"/>
      <c r="P33" s="43"/>
      <c r="Q33" s="44"/>
      <c r="R33" s="43" t="s">
        <v>193</v>
      </c>
      <c r="S33" s="46"/>
      <c r="T33" s="47" t="s">
        <v>193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40"/>
      <c r="B34" s="41"/>
      <c r="C34" s="91"/>
      <c r="D34" s="102"/>
      <c r="E34" s="220"/>
      <c r="F34" s="223"/>
      <c r="G34" s="91"/>
      <c r="H34" s="92"/>
      <c r="I34" s="91"/>
      <c r="J34" s="92"/>
      <c r="K34" s="48"/>
      <c r="L34" s="48"/>
      <c r="M34" s="49"/>
      <c r="N34" s="49"/>
      <c r="O34" s="102"/>
      <c r="P34" s="91"/>
      <c r="Q34" s="92"/>
      <c r="R34" s="91"/>
      <c r="S34" s="93"/>
      <c r="T34" s="94"/>
      <c r="U34" s="92"/>
      <c r="V34" s="91"/>
      <c r="W34" s="92"/>
      <c r="X34" s="95"/>
      <c r="Y34" s="95"/>
      <c r="Z34" s="95"/>
      <c r="AA34" s="95"/>
      <c r="AB34" s="96"/>
      <c r="AC34" s="96"/>
      <c r="AD34" s="96"/>
      <c r="AE34" s="96"/>
      <c r="AF34" s="96"/>
      <c r="AG34" s="96"/>
      <c r="AH34" s="96"/>
      <c r="AI34" s="96"/>
      <c r="AJ34" s="96"/>
      <c r="AK34" s="97"/>
      <c r="AL34" s="97"/>
      <c r="AM34" s="98"/>
    </row>
    <row r="35" spans="1:39" s="59" customFormat="1" ht="9.75" customHeight="1">
      <c r="A35" s="50"/>
      <c r="B35" s="51"/>
      <c r="C35" s="218" t="s">
        <v>654</v>
      </c>
      <c r="D35" s="221" t="s">
        <v>80</v>
      </c>
      <c r="E35" s="66"/>
      <c r="F35" s="67"/>
      <c r="G35" s="66"/>
      <c r="H35" s="69"/>
      <c r="I35" s="66"/>
      <c r="J35" s="69"/>
      <c r="K35" s="70"/>
      <c r="L35" s="70"/>
      <c r="M35" s="71"/>
      <c r="N35" s="71"/>
      <c r="O35" s="68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50"/>
      <c r="B36" s="51"/>
      <c r="C36" s="219"/>
      <c r="D36" s="222"/>
      <c r="E36" s="43"/>
      <c r="F36" s="64"/>
      <c r="G36" s="43"/>
      <c r="H36" s="44" t="s">
        <v>22</v>
      </c>
      <c r="I36" s="43"/>
      <c r="J36" s="44" t="s">
        <v>194</v>
      </c>
      <c r="K36" s="45" t="s">
        <v>22</v>
      </c>
      <c r="L36" s="45" t="s">
        <v>194</v>
      </c>
      <c r="M36" s="42"/>
      <c r="N36" s="42"/>
      <c r="O36" s="41"/>
      <c r="P36" s="43"/>
      <c r="Q36" s="44"/>
      <c r="R36" s="43" t="s">
        <v>195</v>
      </c>
      <c r="S36" s="46"/>
      <c r="T36" s="47" t="s">
        <v>195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50"/>
      <c r="B37" s="51"/>
      <c r="C37" s="219"/>
      <c r="D37" s="222"/>
      <c r="E37" s="43"/>
      <c r="F37" s="64"/>
      <c r="G37" s="43"/>
      <c r="H37" s="44"/>
      <c r="I37" s="43"/>
      <c r="J37" s="44"/>
      <c r="K37" s="45"/>
      <c r="L37" s="45"/>
      <c r="M37" s="42"/>
      <c r="N37" s="42"/>
      <c r="O37" s="41"/>
      <c r="P37" s="43"/>
      <c r="Q37" s="44"/>
      <c r="R37" s="43"/>
      <c r="S37" s="46"/>
      <c r="T37" s="47"/>
      <c r="U37" s="44"/>
      <c r="V37" s="43"/>
      <c r="W37" s="44"/>
      <c r="X37" s="33"/>
      <c r="Y37" s="33"/>
      <c r="Z37" s="33"/>
      <c r="AA37" s="33"/>
      <c r="AB37" s="34"/>
      <c r="AC37" s="34"/>
      <c r="AD37" s="34"/>
      <c r="AE37" s="34"/>
      <c r="AF37" s="34"/>
      <c r="AG37" s="34"/>
      <c r="AH37" s="34"/>
      <c r="AI37" s="34"/>
      <c r="AJ37" s="34"/>
      <c r="AK37" s="35"/>
      <c r="AL37" s="35"/>
      <c r="AM37" s="36"/>
    </row>
    <row r="38" spans="1:39" s="59" customFormat="1" ht="9.75" customHeight="1">
      <c r="A38" s="50"/>
      <c r="B38" s="56"/>
      <c r="C38" s="43"/>
      <c r="D38" s="64"/>
      <c r="E38" s="218" t="s">
        <v>21</v>
      </c>
      <c r="F38" s="221" t="s">
        <v>80</v>
      </c>
      <c r="G38" s="66"/>
      <c r="H38" s="69"/>
      <c r="I38" s="66"/>
      <c r="J38" s="69"/>
      <c r="K38" s="70"/>
      <c r="L38" s="70"/>
      <c r="M38" s="71"/>
      <c r="N38" s="71"/>
      <c r="O38" s="67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40"/>
      <c r="B39" s="41"/>
      <c r="C39" s="43"/>
      <c r="D39" s="64"/>
      <c r="E39" s="219"/>
      <c r="F39" s="222"/>
      <c r="G39" s="43"/>
      <c r="H39" s="44" t="s">
        <v>22</v>
      </c>
      <c r="I39" s="43"/>
      <c r="J39" s="44" t="s">
        <v>194</v>
      </c>
      <c r="K39" s="45" t="s">
        <v>22</v>
      </c>
      <c r="L39" s="45" t="s">
        <v>194</v>
      </c>
      <c r="M39" s="42"/>
      <c r="N39" s="42"/>
      <c r="O39" s="64"/>
      <c r="P39" s="43"/>
      <c r="Q39" s="44"/>
      <c r="R39" s="43" t="s">
        <v>195</v>
      </c>
      <c r="S39" s="46"/>
      <c r="T39" s="47" t="s">
        <v>195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89"/>
      <c r="B40" s="90"/>
      <c r="C40" s="91"/>
      <c r="D40" s="102"/>
      <c r="E40" s="220"/>
      <c r="F40" s="223"/>
      <c r="G40" s="91"/>
      <c r="H40" s="92"/>
      <c r="I40" s="91"/>
      <c r="J40" s="92"/>
      <c r="K40" s="48"/>
      <c r="L40" s="48"/>
      <c r="M40" s="49"/>
      <c r="N40" s="49"/>
      <c r="O40" s="102"/>
      <c r="P40" s="91"/>
      <c r="Q40" s="92"/>
      <c r="R40" s="91"/>
      <c r="S40" s="93"/>
      <c r="T40" s="94"/>
      <c r="U40" s="92"/>
      <c r="V40" s="91"/>
      <c r="W40" s="92"/>
      <c r="X40" s="95"/>
      <c r="Y40" s="95"/>
      <c r="Z40" s="95"/>
      <c r="AA40" s="95"/>
      <c r="AB40" s="96"/>
      <c r="AC40" s="96"/>
      <c r="AD40" s="96"/>
      <c r="AE40" s="96"/>
      <c r="AF40" s="96"/>
      <c r="AG40" s="96"/>
      <c r="AH40" s="96"/>
      <c r="AI40" s="96"/>
      <c r="AJ40" s="96"/>
      <c r="AK40" s="97"/>
      <c r="AL40" s="97"/>
      <c r="AM40" s="98"/>
    </row>
    <row r="41" spans="1:39" s="59" customFormat="1" ht="9.75" customHeight="1">
      <c r="A41" s="76"/>
      <c r="B41" s="115"/>
      <c r="C41" s="115"/>
      <c r="D41" s="115"/>
      <c r="E41" s="115"/>
      <c r="F41" s="115"/>
      <c r="G41" s="103"/>
      <c r="H41" s="104"/>
      <c r="I41" s="103"/>
      <c r="J41" s="104"/>
      <c r="K41" s="105"/>
      <c r="L41" s="105"/>
      <c r="M41" s="106"/>
      <c r="N41" s="106"/>
      <c r="O41" s="65"/>
      <c r="P41" s="103"/>
      <c r="Q41" s="104"/>
      <c r="R41" s="103"/>
      <c r="S41" s="107"/>
      <c r="T41" s="108"/>
      <c r="U41" s="104"/>
      <c r="V41" s="103"/>
      <c r="W41" s="104"/>
      <c r="X41" s="109" t="s">
        <v>1</v>
      </c>
      <c r="Y41" s="109"/>
      <c r="Z41" s="109"/>
      <c r="AA41" s="109"/>
      <c r="AB41" s="110"/>
      <c r="AC41" s="110"/>
      <c r="AD41" s="110"/>
      <c r="AE41" s="110"/>
      <c r="AF41" s="110"/>
      <c r="AG41" s="110"/>
      <c r="AH41" s="110"/>
      <c r="AI41" s="110"/>
      <c r="AJ41" s="110"/>
      <c r="AK41" s="111"/>
      <c r="AL41" s="111"/>
      <c r="AM41" s="112"/>
    </row>
    <row r="42" spans="1:39" s="59" customFormat="1" ht="9.75" customHeight="1">
      <c r="A42" s="248" t="s">
        <v>19</v>
      </c>
      <c r="B42" s="249"/>
      <c r="C42" s="250"/>
      <c r="D42" s="250"/>
      <c r="E42" s="250"/>
      <c r="F42" s="236"/>
      <c r="G42" s="52"/>
      <c r="H42" s="53" t="s">
        <v>172</v>
      </c>
      <c r="I42" s="52" t="s">
        <v>23</v>
      </c>
      <c r="J42" s="53" t="s">
        <v>173</v>
      </c>
      <c r="K42" s="54" t="s">
        <v>22</v>
      </c>
      <c r="L42" s="54" t="s">
        <v>174</v>
      </c>
      <c r="M42" s="55"/>
      <c r="N42" s="55"/>
      <c r="O42" s="56"/>
      <c r="P42" s="52"/>
      <c r="Q42" s="53"/>
      <c r="R42" s="52" t="s">
        <v>175</v>
      </c>
      <c r="S42" s="57"/>
      <c r="T42" s="58" t="s">
        <v>175</v>
      </c>
      <c r="U42" s="53" t="s">
        <v>22</v>
      </c>
      <c r="V42" s="52"/>
      <c r="W42" s="53" t="s">
        <v>22</v>
      </c>
      <c r="X42" s="60"/>
      <c r="Y42" s="60"/>
      <c r="Z42" s="60"/>
      <c r="AA42" s="60"/>
      <c r="AB42" s="61"/>
      <c r="AC42" s="61"/>
      <c r="AD42" s="61"/>
      <c r="AE42" s="61"/>
      <c r="AF42" s="61"/>
      <c r="AG42" s="61"/>
      <c r="AH42" s="61"/>
      <c r="AI42" s="61"/>
      <c r="AJ42" s="61"/>
      <c r="AK42" s="62"/>
      <c r="AL42" s="62"/>
      <c r="AM42" s="63"/>
    </row>
    <row r="43" spans="1:39" s="59" customFormat="1" ht="9.75" customHeight="1">
      <c r="A43" s="77"/>
      <c r="B43" s="116"/>
      <c r="C43" s="116"/>
      <c r="D43" s="116"/>
      <c r="E43" s="116"/>
      <c r="F43" s="116"/>
      <c r="G43" s="79"/>
      <c r="H43" s="80"/>
      <c r="I43" s="79"/>
      <c r="J43" s="80"/>
      <c r="K43" s="81"/>
      <c r="L43" s="81"/>
      <c r="M43" s="82"/>
      <c r="N43" s="82"/>
      <c r="O43" s="78"/>
      <c r="P43" s="79"/>
      <c r="Q43" s="80"/>
      <c r="R43" s="79"/>
      <c r="S43" s="83"/>
      <c r="T43" s="84"/>
      <c r="U43" s="80"/>
      <c r="V43" s="79"/>
      <c r="W43" s="80"/>
      <c r="X43" s="117"/>
      <c r="Y43" s="117"/>
      <c r="Z43" s="117"/>
      <c r="AA43" s="117"/>
      <c r="AB43" s="118"/>
      <c r="AC43" s="118"/>
      <c r="AD43" s="118"/>
      <c r="AE43" s="118"/>
      <c r="AF43" s="118"/>
      <c r="AG43" s="118"/>
      <c r="AH43" s="118"/>
      <c r="AI43" s="118"/>
      <c r="AJ43" s="118"/>
      <c r="AK43" s="119"/>
      <c r="AL43" s="119"/>
      <c r="AM43" s="120"/>
    </row>
    <row r="44" spans="1:39" ht="9.75" customHeight="1">
      <c r="A44" s="134"/>
      <c r="B44" s="135"/>
      <c r="C44" s="135"/>
      <c r="D44" s="135"/>
      <c r="E44" s="135"/>
      <c r="F44" s="135"/>
      <c r="G44" s="135"/>
      <c r="H44" s="135"/>
      <c r="I44" s="135"/>
      <c r="J44" s="135"/>
      <c r="K44" s="135"/>
      <c r="L44" s="135"/>
      <c r="M44" s="135"/>
      <c r="N44" s="135"/>
      <c r="O44" s="135"/>
      <c r="P44" s="135"/>
      <c r="Q44" s="135"/>
      <c r="R44" s="135"/>
      <c r="S44" s="135"/>
      <c r="T44" s="135"/>
      <c r="U44" s="135"/>
      <c r="V44" s="135"/>
      <c r="W44" s="135"/>
      <c r="X44" s="136"/>
      <c r="Y44" s="136"/>
      <c r="Z44" s="136"/>
      <c r="AA44" s="136"/>
      <c r="AB44" s="136"/>
      <c r="AC44" s="136"/>
      <c r="AD44" s="136"/>
      <c r="AE44" s="136"/>
      <c r="AF44" s="136"/>
      <c r="AG44" s="136"/>
      <c r="AH44" s="136"/>
      <c r="AI44" s="136"/>
      <c r="AJ44" s="136"/>
      <c r="AK44" s="136"/>
      <c r="AL44" s="136"/>
      <c r="AM44" s="137"/>
    </row>
    <row r="45" spans="1:39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40"/>
    </row>
    <row r="46" spans="1:39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40"/>
    </row>
    <row r="47" spans="1:39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40"/>
    </row>
    <row r="48" spans="1:39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40"/>
    </row>
    <row r="49" spans="1:39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40"/>
    </row>
    <row r="50" spans="1:39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40"/>
    </row>
    <row r="51" spans="1:39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40"/>
    </row>
    <row r="52" spans="1:39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40"/>
    </row>
    <row r="53" spans="1:39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40"/>
    </row>
    <row r="54" spans="1:39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40"/>
    </row>
    <row r="55" spans="1:39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40"/>
    </row>
    <row r="56" spans="1:39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40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39">
    <mergeCell ref="A42:F42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9:D31"/>
    <mergeCell ref="C29:C31"/>
    <mergeCell ref="D35:D37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5:C37"/>
    <mergeCell ref="F17:F19"/>
    <mergeCell ref="E17:E19"/>
    <mergeCell ref="F23:F25"/>
    <mergeCell ref="E23:E25"/>
    <mergeCell ref="F32:F34"/>
    <mergeCell ref="E32:E34"/>
    <mergeCell ref="F38:F40"/>
    <mergeCell ref="E38:E40"/>
    <mergeCell ref="O20:O22"/>
    <mergeCell ref="N20:N22"/>
    <mergeCell ref="O26:O28"/>
    <mergeCell ref="N26:N28"/>
  </mergeCells>
  <phoneticPr fontId="1"/>
  <pageMargins left="0.43307086614173229" right="0.39370078740157483" top="0.19685039370078741" bottom="0" header="0.19685039370078741" footer="0.19685039370078741"/>
  <pageSetup paperSize="9" firstPageNumber="234" pageOrder="overThenDown" orientation="portrait" useFirstPageNumber="1" r:id="rId1"/>
  <headerFooter>
    <oddFooter>&amp;C- &amp;P 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84"/>
  <sheetViews>
    <sheetView workbookViewId="0"/>
  </sheetViews>
  <sheetFormatPr defaultRowHeight="9.75" customHeight="1"/>
  <cols>
    <col min="1" max="1" width="2" style="17" customWidth="1"/>
    <col min="2" max="2" width="10.625" style="17" customWidth="1"/>
    <col min="3" max="3" width="2" style="17" customWidth="1"/>
    <col min="4" max="4" width="10.625" style="17" customWidth="1"/>
    <col min="5" max="5" width="2" style="17" customWidth="1"/>
    <col min="6" max="6" width="10.625" style="17" customWidth="1"/>
    <col min="7" max="7" width="2.375" style="17" customWidth="1"/>
    <col min="8" max="8" width="10" style="17" customWidth="1"/>
    <col min="9" max="9" width="1.875" style="17" customWidth="1"/>
    <col min="10" max="11" width="10.875" style="17" customWidth="1"/>
    <col min="12" max="12" width="1.875" style="17" customWidth="1"/>
    <col min="13" max="13" width="8.125" style="17" customWidth="1"/>
    <col min="14" max="14" width="12.375" style="17" customWidth="1"/>
    <col min="15" max="15" width="0" style="17" hidden="1" customWidth="1"/>
    <col min="16" max="16" width="2" style="17" customWidth="1"/>
    <col min="17" max="17" width="10.625" style="17" customWidth="1"/>
    <col min="18" max="18" width="2.375" style="17" customWidth="1"/>
    <col min="19" max="19" width="10" style="17" customWidth="1"/>
    <col min="20" max="20" width="13" style="17" customWidth="1"/>
    <col min="21" max="21" width="2.125" style="17" customWidth="1"/>
    <col min="22" max="22" width="8.75" style="17" customWidth="1"/>
    <col min="23" max="25" width="10.875" style="17" customWidth="1"/>
    <col min="26" max="29" width="0.625" style="17" customWidth="1"/>
    <col min="30" max="30" width="1.75" style="17" customWidth="1"/>
    <col min="31" max="37" width="1.25" style="17" customWidth="1"/>
    <col min="38" max="41" width="0.625" style="17" customWidth="1"/>
    <col min="42" max="16384" width="9" style="17"/>
  </cols>
  <sheetData>
    <row r="2" spans="1:46" s="2" customFormat="1" ht="3.75" customHeight="1">
      <c r="A2" s="212"/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212"/>
      <c r="N2" s="212"/>
      <c r="O2" s="212"/>
      <c r="P2" s="212"/>
      <c r="Q2" s="212"/>
      <c r="R2" s="212"/>
      <c r="S2" s="212"/>
      <c r="T2" s="212"/>
      <c r="U2" s="212"/>
      <c r="V2" s="212"/>
      <c r="W2" s="212"/>
      <c r="X2" s="212"/>
      <c r="Y2" s="212"/>
      <c r="Z2" s="212"/>
      <c r="AA2" s="212"/>
      <c r="AB2" s="212"/>
      <c r="AC2" s="212"/>
      <c r="AD2" s="212"/>
      <c r="AE2" s="212"/>
      <c r="AF2" s="212"/>
      <c r="AG2" s="212"/>
      <c r="AH2" s="212"/>
      <c r="AI2" s="212"/>
      <c r="AJ2" s="212"/>
      <c r="AK2" s="212"/>
      <c r="AL2" s="212"/>
      <c r="AM2" s="212"/>
      <c r="AN2" s="212"/>
      <c r="AO2" s="212"/>
      <c r="AP2" s="212"/>
      <c r="AQ2" s="212"/>
      <c r="AR2" s="211"/>
      <c r="AS2" s="211"/>
      <c r="AT2" s="211"/>
    </row>
    <row r="3" spans="1:46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7"/>
      <c r="AS3" s="7"/>
      <c r="AT3" s="7"/>
    </row>
    <row r="4" spans="1:46" s="2" customFormat="1" ht="26.25" customHeight="1">
      <c r="A4" s="210"/>
      <c r="B4" s="8" t="s">
        <v>720</v>
      </c>
      <c r="C4" s="209"/>
      <c r="D4" s="133" t="s">
        <v>777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208" t="s">
        <v>1</v>
      </c>
      <c r="AP4" s="5"/>
      <c r="AQ4" s="5"/>
      <c r="AR4" s="7"/>
      <c r="AS4" s="7"/>
      <c r="AT4" s="7"/>
    </row>
    <row r="5" spans="1:46" ht="14.2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3"/>
      <c r="R5" s="243"/>
      <c r="S5" s="243"/>
      <c r="T5" s="290" t="s">
        <v>718</v>
      </c>
      <c r="U5" s="243" t="s">
        <v>717</v>
      </c>
      <c r="V5" s="243"/>
      <c r="W5" s="243"/>
      <c r="X5" s="244"/>
      <c r="Y5" s="275" t="s">
        <v>716</v>
      </c>
      <c r="Z5" s="239" t="s">
        <v>10</v>
      </c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51"/>
      <c r="AN5" s="251"/>
      <c r="AO5" s="245"/>
      <c r="AP5" s="15"/>
      <c r="AQ5" s="15"/>
      <c r="AR5" s="16"/>
      <c r="AS5" s="16"/>
      <c r="AT5" s="16"/>
    </row>
    <row r="6" spans="1:46" ht="14.25" customHeight="1">
      <c r="A6" s="235"/>
      <c r="B6" s="236"/>
      <c r="C6" s="240"/>
      <c r="D6" s="236"/>
      <c r="E6" s="240"/>
      <c r="F6" s="236"/>
      <c r="G6" s="276" t="s">
        <v>11</v>
      </c>
      <c r="H6" s="254"/>
      <c r="I6" s="276" t="s">
        <v>12</v>
      </c>
      <c r="J6" s="254"/>
      <c r="K6" s="255" t="s">
        <v>715</v>
      </c>
      <c r="L6" s="279" t="s">
        <v>714</v>
      </c>
      <c r="M6" s="280"/>
      <c r="N6" s="258" t="s">
        <v>14</v>
      </c>
      <c r="O6" s="164"/>
      <c r="P6" s="261" t="s">
        <v>15</v>
      </c>
      <c r="Q6" s="261"/>
      <c r="R6" s="261"/>
      <c r="S6" s="261"/>
      <c r="T6" s="291"/>
      <c r="U6" s="285" t="s">
        <v>713</v>
      </c>
      <c r="V6" s="221"/>
      <c r="W6" s="258" t="s">
        <v>712</v>
      </c>
      <c r="X6" s="258" t="s">
        <v>711</v>
      </c>
      <c r="Y6" s="259"/>
      <c r="Z6" s="24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50"/>
      <c r="AN6" s="250"/>
      <c r="AO6" s="246"/>
      <c r="AP6" s="15"/>
      <c r="AQ6" s="15"/>
      <c r="AR6" s="16"/>
      <c r="AS6" s="16"/>
      <c r="AT6" s="16"/>
    </row>
    <row r="7" spans="1:46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77"/>
      <c r="L7" s="281"/>
      <c r="M7" s="282"/>
      <c r="N7" s="259"/>
      <c r="O7" s="165"/>
      <c r="P7" s="263" t="s">
        <v>16</v>
      </c>
      <c r="Q7" s="254"/>
      <c r="R7" s="253" t="s">
        <v>17</v>
      </c>
      <c r="S7" s="263"/>
      <c r="T7" s="291"/>
      <c r="U7" s="286"/>
      <c r="V7" s="287"/>
      <c r="W7" s="259"/>
      <c r="X7" s="259"/>
      <c r="Y7" s="259"/>
      <c r="Z7" s="24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50"/>
      <c r="AN7" s="250"/>
      <c r="AO7" s="246"/>
      <c r="AP7" s="15"/>
      <c r="AQ7" s="15"/>
      <c r="AR7" s="16"/>
      <c r="AS7" s="16"/>
      <c r="AT7" s="16"/>
    </row>
    <row r="8" spans="1:46" ht="9" customHeight="1">
      <c r="A8" s="237"/>
      <c r="B8" s="238"/>
      <c r="C8" s="241"/>
      <c r="D8" s="238"/>
      <c r="E8" s="241"/>
      <c r="F8" s="238"/>
      <c r="G8" s="241"/>
      <c r="H8" s="238"/>
      <c r="I8" s="241"/>
      <c r="J8" s="238"/>
      <c r="K8" s="278"/>
      <c r="L8" s="283"/>
      <c r="M8" s="284"/>
      <c r="N8" s="260"/>
      <c r="O8" s="166"/>
      <c r="P8" s="252"/>
      <c r="Q8" s="238"/>
      <c r="R8" s="241"/>
      <c r="S8" s="252"/>
      <c r="T8" s="292"/>
      <c r="U8" s="288"/>
      <c r="V8" s="289"/>
      <c r="W8" s="260"/>
      <c r="X8" s="260"/>
      <c r="Y8" s="260"/>
      <c r="Z8" s="241"/>
      <c r="AA8" s="252"/>
      <c r="AB8" s="252"/>
      <c r="AC8" s="252"/>
      <c r="AD8" s="252"/>
      <c r="AE8" s="252"/>
      <c r="AF8" s="252"/>
      <c r="AG8" s="252"/>
      <c r="AH8" s="252"/>
      <c r="AI8" s="252"/>
      <c r="AJ8" s="252"/>
      <c r="AK8" s="252"/>
      <c r="AL8" s="252"/>
      <c r="AM8" s="252"/>
      <c r="AN8" s="252"/>
      <c r="AO8" s="247"/>
      <c r="AP8" s="15"/>
      <c r="AQ8" s="15"/>
      <c r="AR8" s="16"/>
      <c r="AS8" s="16"/>
      <c r="AT8" s="16"/>
    </row>
    <row r="9" spans="1:46" s="39" customFormat="1" ht="9" customHeight="1">
      <c r="A9" s="23"/>
      <c r="B9" s="24"/>
      <c r="C9" s="25"/>
      <c r="D9" s="24"/>
      <c r="E9" s="25"/>
      <c r="F9" s="24"/>
      <c r="G9" s="26"/>
      <c r="H9" s="27" t="s">
        <v>18</v>
      </c>
      <c r="I9" s="26"/>
      <c r="J9" s="27" t="s">
        <v>18</v>
      </c>
      <c r="K9" s="28" t="s">
        <v>18</v>
      </c>
      <c r="L9" s="26"/>
      <c r="M9" s="27" t="s">
        <v>18</v>
      </c>
      <c r="N9" s="29" t="s">
        <v>18</v>
      </c>
      <c r="O9" s="35"/>
      <c r="P9" s="35"/>
      <c r="Q9" s="27"/>
      <c r="R9" s="26"/>
      <c r="S9" s="35" t="s">
        <v>18</v>
      </c>
      <c r="T9" s="207" t="s">
        <v>18</v>
      </c>
      <c r="U9" s="35"/>
      <c r="V9" s="27" t="s">
        <v>18</v>
      </c>
      <c r="W9" s="28" t="s">
        <v>18</v>
      </c>
      <c r="X9" s="28" t="s">
        <v>18</v>
      </c>
      <c r="Y9" s="28" t="s">
        <v>18</v>
      </c>
      <c r="Z9" s="195"/>
      <c r="AA9" s="33"/>
      <c r="AB9" s="33"/>
      <c r="AC9" s="33"/>
      <c r="AD9" s="34"/>
      <c r="AE9" s="35"/>
      <c r="AF9" s="35"/>
      <c r="AG9" s="35"/>
      <c r="AH9" s="33"/>
      <c r="AI9" s="33"/>
      <c r="AJ9" s="33"/>
      <c r="AK9" s="33"/>
      <c r="AL9" s="34"/>
      <c r="AM9" s="35"/>
      <c r="AN9" s="35"/>
      <c r="AO9" s="36"/>
      <c r="AP9" s="37"/>
      <c r="AQ9" s="37"/>
      <c r="AR9" s="38"/>
      <c r="AS9" s="38"/>
      <c r="AT9" s="38"/>
    </row>
    <row r="10" spans="1:46" s="59" customFormat="1" ht="9.75" customHeight="1">
      <c r="A10" s="271" t="s">
        <v>21</v>
      </c>
      <c r="B10" s="270" t="s">
        <v>776</v>
      </c>
      <c r="C10" s="52"/>
      <c r="D10" s="206"/>
      <c r="E10" s="52"/>
      <c r="F10" s="171"/>
      <c r="G10" s="52"/>
      <c r="H10" s="53"/>
      <c r="I10" s="52"/>
      <c r="J10" s="53"/>
      <c r="K10" s="183"/>
      <c r="L10" s="52"/>
      <c r="M10" s="205"/>
      <c r="N10" s="54"/>
      <c r="O10" s="55"/>
      <c r="P10" s="296"/>
      <c r="Q10" s="293"/>
      <c r="R10" s="52"/>
      <c r="S10" s="55"/>
      <c r="T10" s="204"/>
      <c r="U10" s="55"/>
      <c r="V10" s="53"/>
      <c r="W10" s="54"/>
      <c r="X10" s="54"/>
      <c r="Y10" s="54"/>
      <c r="Z10" s="145" t="s">
        <v>1</v>
      </c>
      <c r="AA10" s="60"/>
      <c r="AB10" s="60"/>
      <c r="AC10" s="60"/>
      <c r="AD10" s="61"/>
      <c r="AE10" s="62"/>
      <c r="AF10" s="62"/>
      <c r="AG10" s="62"/>
      <c r="AH10" s="60"/>
      <c r="AI10" s="60"/>
      <c r="AJ10" s="60"/>
      <c r="AK10" s="60"/>
      <c r="AL10" s="61"/>
      <c r="AM10" s="62"/>
      <c r="AN10" s="62"/>
      <c r="AO10" s="63"/>
    </row>
    <row r="11" spans="1:46" s="59" customFormat="1" ht="9.75" customHeight="1">
      <c r="A11" s="272"/>
      <c r="B11" s="222"/>
      <c r="C11" s="52"/>
      <c r="D11" s="206"/>
      <c r="E11" s="52"/>
      <c r="F11" s="171"/>
      <c r="G11" s="52"/>
      <c r="H11" s="53" t="s">
        <v>172</v>
      </c>
      <c r="I11" s="52" t="s">
        <v>23</v>
      </c>
      <c r="J11" s="53" t="s">
        <v>173</v>
      </c>
      <c r="K11" s="183" t="s">
        <v>22</v>
      </c>
      <c r="L11" s="52"/>
      <c r="M11" s="205" t="s">
        <v>22</v>
      </c>
      <c r="N11" s="54" t="s">
        <v>174</v>
      </c>
      <c r="O11" s="55"/>
      <c r="P11" s="228"/>
      <c r="Q11" s="294"/>
      <c r="R11" s="52"/>
      <c r="S11" s="55"/>
      <c r="T11" s="204" t="s">
        <v>175</v>
      </c>
      <c r="U11" s="55"/>
      <c r="V11" s="53" t="s">
        <v>22</v>
      </c>
      <c r="W11" s="54" t="s">
        <v>22</v>
      </c>
      <c r="X11" s="54" t="s">
        <v>22</v>
      </c>
      <c r="Y11" s="54" t="s">
        <v>762</v>
      </c>
      <c r="Z11" s="145"/>
      <c r="AA11" s="60"/>
      <c r="AB11" s="60"/>
      <c r="AC11" s="60"/>
      <c r="AD11" s="61"/>
      <c r="AE11" s="62"/>
      <c r="AF11" s="62"/>
      <c r="AG11" s="62"/>
      <c r="AH11" s="60"/>
      <c r="AI11" s="60"/>
      <c r="AJ11" s="60"/>
      <c r="AK11" s="60"/>
      <c r="AL11" s="61"/>
      <c r="AM11" s="62"/>
      <c r="AN11" s="62"/>
      <c r="AO11" s="63"/>
    </row>
    <row r="12" spans="1:46" s="59" customFormat="1" ht="9.75" customHeight="1">
      <c r="A12" s="272"/>
      <c r="B12" s="222"/>
      <c r="C12" s="52"/>
      <c r="D12" s="206"/>
      <c r="E12" s="52"/>
      <c r="F12" s="171"/>
      <c r="G12" s="52"/>
      <c r="H12" s="53"/>
      <c r="I12" s="52"/>
      <c r="J12" s="53"/>
      <c r="K12" s="183"/>
      <c r="L12" s="52"/>
      <c r="M12" s="205"/>
      <c r="N12" s="54"/>
      <c r="O12" s="55"/>
      <c r="P12" s="229"/>
      <c r="Q12" s="295"/>
      <c r="R12" s="52"/>
      <c r="S12" s="55"/>
      <c r="T12" s="204"/>
      <c r="U12" s="55"/>
      <c r="V12" s="53"/>
      <c r="W12" s="54"/>
      <c r="X12" s="54"/>
      <c r="Y12" s="54"/>
      <c r="Z12" s="145"/>
      <c r="AA12" s="60"/>
      <c r="AB12" s="60"/>
      <c r="AC12" s="60"/>
      <c r="AD12" s="61"/>
      <c r="AE12" s="62"/>
      <c r="AF12" s="62"/>
      <c r="AG12" s="62"/>
      <c r="AH12" s="60"/>
      <c r="AI12" s="60"/>
      <c r="AJ12" s="60"/>
      <c r="AK12" s="60"/>
      <c r="AL12" s="61"/>
      <c r="AM12" s="62"/>
      <c r="AN12" s="62"/>
      <c r="AO12" s="63"/>
    </row>
    <row r="13" spans="1:46" s="59" customFormat="1" ht="9.75" customHeight="1">
      <c r="A13" s="40"/>
      <c r="B13" s="41"/>
      <c r="C13" s="218" t="s">
        <v>21</v>
      </c>
      <c r="D13" s="230" t="s">
        <v>776</v>
      </c>
      <c r="E13" s="162"/>
      <c r="F13" s="163"/>
      <c r="G13" s="162"/>
      <c r="H13" s="69"/>
      <c r="I13" s="162"/>
      <c r="J13" s="69"/>
      <c r="K13" s="198"/>
      <c r="L13" s="162"/>
      <c r="M13" s="197"/>
      <c r="N13" s="70"/>
      <c r="O13" s="167"/>
      <c r="P13" s="167"/>
      <c r="Q13" s="68"/>
      <c r="R13" s="162"/>
      <c r="S13" s="167"/>
      <c r="T13" s="196"/>
      <c r="U13" s="167"/>
      <c r="V13" s="69"/>
      <c r="W13" s="70"/>
      <c r="X13" s="70"/>
      <c r="Y13" s="70"/>
      <c r="Z13" s="195" t="s">
        <v>1</v>
      </c>
      <c r="AA13" s="74"/>
      <c r="AB13" s="74"/>
      <c r="AC13" s="74"/>
      <c r="AD13" s="75"/>
      <c r="AE13" s="25"/>
      <c r="AF13" s="25"/>
      <c r="AG13" s="25"/>
      <c r="AH13" s="74"/>
      <c r="AI13" s="74"/>
      <c r="AJ13" s="74"/>
      <c r="AK13" s="74"/>
      <c r="AL13" s="75"/>
      <c r="AM13" s="25"/>
      <c r="AN13" s="25"/>
      <c r="AO13" s="32"/>
    </row>
    <row r="14" spans="1:46" s="59" customFormat="1" ht="9.75" customHeight="1">
      <c r="A14" s="40"/>
      <c r="B14" s="194"/>
      <c r="C14" s="219"/>
      <c r="D14" s="222"/>
      <c r="E14" s="169"/>
      <c r="F14" s="170"/>
      <c r="G14" s="169"/>
      <c r="H14" s="44" t="s">
        <v>172</v>
      </c>
      <c r="I14" s="169" t="s">
        <v>23</v>
      </c>
      <c r="J14" s="44" t="s">
        <v>173</v>
      </c>
      <c r="K14" s="192" t="s">
        <v>22</v>
      </c>
      <c r="L14" s="169"/>
      <c r="M14" s="191" t="s">
        <v>22</v>
      </c>
      <c r="N14" s="45" t="s">
        <v>174</v>
      </c>
      <c r="O14" s="168"/>
      <c r="P14" s="168"/>
      <c r="Q14" s="170"/>
      <c r="R14" s="169"/>
      <c r="S14" s="168"/>
      <c r="T14" s="190" t="s">
        <v>175</v>
      </c>
      <c r="U14" s="168"/>
      <c r="V14" s="44" t="s">
        <v>22</v>
      </c>
      <c r="W14" s="45" t="s">
        <v>22</v>
      </c>
      <c r="X14" s="45" t="s">
        <v>22</v>
      </c>
      <c r="Y14" s="45" t="s">
        <v>762</v>
      </c>
      <c r="Z14" s="189"/>
      <c r="AA14" s="33"/>
      <c r="AB14" s="33"/>
      <c r="AC14" s="33"/>
      <c r="AD14" s="34"/>
      <c r="AE14" s="35"/>
      <c r="AF14" s="35"/>
      <c r="AG14" s="35"/>
      <c r="AH14" s="33"/>
      <c r="AI14" s="33"/>
      <c r="AJ14" s="33"/>
      <c r="AK14" s="33"/>
      <c r="AL14" s="34"/>
      <c r="AM14" s="35"/>
      <c r="AN14" s="35"/>
      <c r="AO14" s="36"/>
    </row>
    <row r="15" spans="1:46" s="59" customFormat="1" ht="9.75" customHeight="1">
      <c r="A15" s="40"/>
      <c r="B15" s="194"/>
      <c r="C15" s="219"/>
      <c r="D15" s="222"/>
      <c r="E15" s="169"/>
      <c r="F15" s="170"/>
      <c r="G15" s="169"/>
      <c r="H15" s="44"/>
      <c r="I15" s="169"/>
      <c r="J15" s="44"/>
      <c r="K15" s="192"/>
      <c r="L15" s="169"/>
      <c r="M15" s="191"/>
      <c r="N15" s="45"/>
      <c r="O15" s="168"/>
      <c r="P15" s="168"/>
      <c r="Q15" s="170"/>
      <c r="R15" s="169"/>
      <c r="S15" s="168"/>
      <c r="T15" s="190"/>
      <c r="U15" s="168"/>
      <c r="V15" s="44"/>
      <c r="W15" s="45"/>
      <c r="X15" s="45"/>
      <c r="Y15" s="45"/>
      <c r="Z15" s="189"/>
      <c r="AA15" s="33"/>
      <c r="AB15" s="33"/>
      <c r="AC15" s="33"/>
      <c r="AD15" s="34"/>
      <c r="AE15" s="35"/>
      <c r="AF15" s="35"/>
      <c r="AG15" s="35"/>
      <c r="AH15" s="33"/>
      <c r="AI15" s="33"/>
      <c r="AJ15" s="33"/>
      <c r="AK15" s="33"/>
      <c r="AL15" s="34"/>
      <c r="AM15" s="35"/>
      <c r="AN15" s="35"/>
      <c r="AO15" s="36"/>
    </row>
    <row r="16" spans="1:46" s="59" customFormat="1" ht="9.75" customHeight="1">
      <c r="A16" s="40"/>
      <c r="B16" s="194"/>
      <c r="C16" s="169"/>
      <c r="D16" s="41"/>
      <c r="E16" s="218" t="s">
        <v>21</v>
      </c>
      <c r="F16" s="224" t="s">
        <v>775</v>
      </c>
      <c r="G16" s="162"/>
      <c r="H16" s="69"/>
      <c r="I16" s="162"/>
      <c r="J16" s="69"/>
      <c r="K16" s="198"/>
      <c r="L16" s="162"/>
      <c r="M16" s="197"/>
      <c r="N16" s="70"/>
      <c r="O16" s="167"/>
      <c r="P16" s="167"/>
      <c r="Q16" s="68"/>
      <c r="R16" s="162"/>
      <c r="S16" s="167"/>
      <c r="T16" s="196"/>
      <c r="U16" s="167"/>
      <c r="V16" s="69"/>
      <c r="W16" s="70"/>
      <c r="X16" s="70"/>
      <c r="Y16" s="70"/>
      <c r="Z16" s="195" t="s">
        <v>1</v>
      </c>
      <c r="AA16" s="74"/>
      <c r="AB16" s="74"/>
      <c r="AC16" s="74"/>
      <c r="AD16" s="75"/>
      <c r="AE16" s="25"/>
      <c r="AF16" s="25"/>
      <c r="AG16" s="25"/>
      <c r="AH16" s="74"/>
      <c r="AI16" s="74"/>
      <c r="AJ16" s="74"/>
      <c r="AK16" s="74"/>
      <c r="AL16" s="75"/>
      <c r="AM16" s="25"/>
      <c r="AN16" s="25"/>
      <c r="AO16" s="32"/>
    </row>
    <row r="17" spans="1:41" s="59" customFormat="1" ht="9.75" customHeight="1">
      <c r="A17" s="40"/>
      <c r="B17" s="194"/>
      <c r="C17" s="169"/>
      <c r="D17" s="194"/>
      <c r="E17" s="219"/>
      <c r="F17" s="225"/>
      <c r="G17" s="169"/>
      <c r="H17" s="44" t="s">
        <v>774</v>
      </c>
      <c r="I17" s="169" t="s">
        <v>23</v>
      </c>
      <c r="J17" s="44" t="s">
        <v>773</v>
      </c>
      <c r="K17" s="192" t="s">
        <v>22</v>
      </c>
      <c r="L17" s="169"/>
      <c r="M17" s="191" t="s">
        <v>22</v>
      </c>
      <c r="N17" s="45" t="s">
        <v>772</v>
      </c>
      <c r="O17" s="168"/>
      <c r="P17" s="168"/>
      <c r="Q17" s="170"/>
      <c r="R17" s="169"/>
      <c r="S17" s="168"/>
      <c r="T17" s="190" t="s">
        <v>771</v>
      </c>
      <c r="U17" s="168"/>
      <c r="V17" s="44" t="s">
        <v>22</v>
      </c>
      <c r="W17" s="45" t="s">
        <v>22</v>
      </c>
      <c r="X17" s="45" t="s">
        <v>22</v>
      </c>
      <c r="Y17" s="45" t="s">
        <v>770</v>
      </c>
      <c r="Z17" s="189"/>
      <c r="AA17" s="33"/>
      <c r="AB17" s="33"/>
      <c r="AC17" s="33"/>
      <c r="AD17" s="34"/>
      <c r="AE17" s="35"/>
      <c r="AF17" s="35"/>
      <c r="AG17" s="35"/>
      <c r="AH17" s="33"/>
      <c r="AI17" s="33"/>
      <c r="AJ17" s="33"/>
      <c r="AK17" s="33"/>
      <c r="AL17" s="34"/>
      <c r="AM17" s="35"/>
      <c r="AN17" s="35"/>
      <c r="AO17" s="36"/>
    </row>
    <row r="18" spans="1:41" s="59" customFormat="1" ht="9.75" customHeight="1">
      <c r="A18" s="40"/>
      <c r="B18" s="194"/>
      <c r="C18" s="169"/>
      <c r="D18" s="194"/>
      <c r="E18" s="219"/>
      <c r="F18" s="225"/>
      <c r="G18" s="169"/>
      <c r="H18" s="44"/>
      <c r="I18" s="169"/>
      <c r="J18" s="44"/>
      <c r="K18" s="192"/>
      <c r="L18" s="169"/>
      <c r="M18" s="191"/>
      <c r="N18" s="45"/>
      <c r="O18" s="168"/>
      <c r="P18" s="168"/>
      <c r="Q18" s="170"/>
      <c r="R18" s="169"/>
      <c r="S18" s="168"/>
      <c r="T18" s="190"/>
      <c r="U18" s="168"/>
      <c r="V18" s="44"/>
      <c r="W18" s="45"/>
      <c r="X18" s="45"/>
      <c r="Y18" s="45"/>
      <c r="Z18" s="189"/>
      <c r="AA18" s="33"/>
      <c r="AB18" s="33"/>
      <c r="AC18" s="33"/>
      <c r="AD18" s="34"/>
      <c r="AE18" s="35"/>
      <c r="AF18" s="35"/>
      <c r="AG18" s="35"/>
      <c r="AH18" s="33"/>
      <c r="AI18" s="33"/>
      <c r="AJ18" s="33"/>
      <c r="AK18" s="33"/>
      <c r="AL18" s="34"/>
      <c r="AM18" s="35"/>
      <c r="AN18" s="35"/>
      <c r="AO18" s="36"/>
    </row>
    <row r="19" spans="1:41" s="59" customFormat="1" ht="9.75" customHeight="1">
      <c r="A19" s="40"/>
      <c r="B19" s="194"/>
      <c r="C19" s="169"/>
      <c r="D19" s="194"/>
      <c r="E19" s="169"/>
      <c r="F19" s="41"/>
      <c r="G19" s="169"/>
      <c r="H19" s="44"/>
      <c r="I19" s="169"/>
      <c r="J19" s="44"/>
      <c r="K19" s="192"/>
      <c r="L19" s="169"/>
      <c r="M19" s="191"/>
      <c r="N19" s="45"/>
      <c r="O19" s="168"/>
      <c r="P19" s="227" t="s">
        <v>680</v>
      </c>
      <c r="Q19" s="230" t="s">
        <v>679</v>
      </c>
      <c r="R19" s="162"/>
      <c r="S19" s="167"/>
      <c r="T19" s="196"/>
      <c r="U19" s="167"/>
      <c r="V19" s="69"/>
      <c r="W19" s="70"/>
      <c r="X19" s="70"/>
      <c r="Y19" s="70"/>
      <c r="Z19" s="195" t="s">
        <v>1</v>
      </c>
      <c r="AA19" s="74"/>
      <c r="AB19" s="74"/>
      <c r="AC19" s="74"/>
      <c r="AD19" s="75"/>
      <c r="AE19" s="25"/>
      <c r="AF19" s="25"/>
      <c r="AG19" s="25"/>
      <c r="AH19" s="74"/>
      <c r="AI19" s="74"/>
      <c r="AJ19" s="74"/>
      <c r="AK19" s="74"/>
      <c r="AL19" s="75"/>
      <c r="AM19" s="25"/>
      <c r="AN19" s="25"/>
      <c r="AO19" s="32"/>
    </row>
    <row r="20" spans="1:41" s="59" customFormat="1" ht="9.75" customHeight="1">
      <c r="A20" s="40"/>
      <c r="B20" s="194"/>
      <c r="C20" s="169"/>
      <c r="D20" s="194"/>
      <c r="E20" s="169"/>
      <c r="F20" s="41"/>
      <c r="G20" s="169"/>
      <c r="H20" s="44"/>
      <c r="I20" s="169"/>
      <c r="J20" s="44"/>
      <c r="K20" s="192"/>
      <c r="L20" s="169"/>
      <c r="M20" s="191"/>
      <c r="N20" s="45"/>
      <c r="O20" s="168"/>
      <c r="P20" s="228"/>
      <c r="Q20" s="222"/>
      <c r="R20" s="169"/>
      <c r="S20" s="168" t="s">
        <v>772</v>
      </c>
      <c r="T20" s="190" t="s">
        <v>771</v>
      </c>
      <c r="U20" s="168"/>
      <c r="V20" s="44" t="s">
        <v>22</v>
      </c>
      <c r="W20" s="45" t="s">
        <v>22</v>
      </c>
      <c r="X20" s="45" t="s">
        <v>22</v>
      </c>
      <c r="Y20" s="45" t="s">
        <v>770</v>
      </c>
      <c r="Z20" s="189"/>
      <c r="AA20" s="33"/>
      <c r="AB20" s="33"/>
      <c r="AC20" s="33"/>
      <c r="AD20" s="34"/>
      <c r="AE20" s="35"/>
      <c r="AF20" s="35"/>
      <c r="AG20" s="35"/>
      <c r="AH20" s="33"/>
      <c r="AI20" s="33"/>
      <c r="AJ20" s="33"/>
      <c r="AK20" s="33"/>
      <c r="AL20" s="34"/>
      <c r="AM20" s="35"/>
      <c r="AN20" s="35"/>
      <c r="AO20" s="36"/>
    </row>
    <row r="21" spans="1:41" s="59" customFormat="1" ht="9.75" customHeight="1">
      <c r="A21" s="40"/>
      <c r="B21" s="194"/>
      <c r="C21" s="169"/>
      <c r="D21" s="194"/>
      <c r="E21" s="169"/>
      <c r="F21" s="41"/>
      <c r="G21" s="169"/>
      <c r="H21" s="44"/>
      <c r="I21" s="169"/>
      <c r="J21" s="44"/>
      <c r="K21" s="192"/>
      <c r="L21" s="169"/>
      <c r="M21" s="191"/>
      <c r="N21" s="45"/>
      <c r="O21" s="168"/>
      <c r="P21" s="229"/>
      <c r="Q21" s="223"/>
      <c r="R21" s="169"/>
      <c r="S21" s="168"/>
      <c r="T21" s="190"/>
      <c r="U21" s="168"/>
      <c r="V21" s="44"/>
      <c r="W21" s="45"/>
      <c r="X21" s="45"/>
      <c r="Y21" s="45"/>
      <c r="Z21" s="189"/>
      <c r="AA21" s="33"/>
      <c r="AB21" s="33"/>
      <c r="AC21" s="33"/>
      <c r="AD21" s="34"/>
      <c r="AE21" s="35"/>
      <c r="AF21" s="35"/>
      <c r="AG21" s="35"/>
      <c r="AH21" s="33"/>
      <c r="AI21" s="33"/>
      <c r="AJ21" s="33"/>
      <c r="AK21" s="33"/>
      <c r="AL21" s="34"/>
      <c r="AM21" s="35"/>
      <c r="AN21" s="35"/>
      <c r="AO21" s="36"/>
    </row>
    <row r="22" spans="1:41" s="59" customFormat="1" ht="9.75" customHeight="1">
      <c r="A22" s="40"/>
      <c r="B22" s="193"/>
      <c r="C22" s="169"/>
      <c r="D22" s="170"/>
      <c r="E22" s="218" t="s">
        <v>25</v>
      </c>
      <c r="F22" s="230" t="s">
        <v>769</v>
      </c>
      <c r="G22" s="162"/>
      <c r="H22" s="69"/>
      <c r="I22" s="162"/>
      <c r="J22" s="69"/>
      <c r="K22" s="198"/>
      <c r="L22" s="162"/>
      <c r="M22" s="197"/>
      <c r="N22" s="70"/>
      <c r="O22" s="167"/>
      <c r="P22" s="167"/>
      <c r="Q22" s="68"/>
      <c r="R22" s="162"/>
      <c r="S22" s="167"/>
      <c r="T22" s="196"/>
      <c r="U22" s="167"/>
      <c r="V22" s="69"/>
      <c r="W22" s="70"/>
      <c r="X22" s="70"/>
      <c r="Y22" s="70"/>
      <c r="Z22" s="195" t="s">
        <v>1</v>
      </c>
      <c r="AA22" s="74"/>
      <c r="AB22" s="74"/>
      <c r="AC22" s="74"/>
      <c r="AD22" s="75"/>
      <c r="AE22" s="25"/>
      <c r="AF22" s="25"/>
      <c r="AG22" s="25"/>
      <c r="AH22" s="74"/>
      <c r="AI22" s="74"/>
      <c r="AJ22" s="74"/>
      <c r="AK22" s="74"/>
      <c r="AL22" s="75"/>
      <c r="AM22" s="25"/>
      <c r="AN22" s="25"/>
      <c r="AO22" s="32"/>
    </row>
    <row r="23" spans="1:41" s="59" customFormat="1" ht="9.75" customHeight="1">
      <c r="A23" s="40"/>
      <c r="B23" s="193"/>
      <c r="C23" s="169"/>
      <c r="D23" s="193"/>
      <c r="E23" s="219"/>
      <c r="F23" s="222"/>
      <c r="G23" s="169"/>
      <c r="H23" s="44" t="s">
        <v>768</v>
      </c>
      <c r="I23" s="169" t="s">
        <v>23</v>
      </c>
      <c r="J23" s="44" t="s">
        <v>767</v>
      </c>
      <c r="K23" s="192" t="s">
        <v>22</v>
      </c>
      <c r="L23" s="169"/>
      <c r="M23" s="191" t="s">
        <v>22</v>
      </c>
      <c r="N23" s="45" t="s">
        <v>766</v>
      </c>
      <c r="O23" s="168"/>
      <c r="P23" s="168"/>
      <c r="Q23" s="41"/>
      <c r="R23" s="169"/>
      <c r="S23" s="168"/>
      <c r="T23" s="190" t="s">
        <v>765</v>
      </c>
      <c r="U23" s="168"/>
      <c r="V23" s="44" t="s">
        <v>22</v>
      </c>
      <c r="W23" s="45" t="s">
        <v>22</v>
      </c>
      <c r="X23" s="45" t="s">
        <v>22</v>
      </c>
      <c r="Y23" s="45" t="s">
        <v>764</v>
      </c>
      <c r="Z23" s="189"/>
      <c r="AA23" s="33"/>
      <c r="AB23" s="33"/>
      <c r="AC23" s="33"/>
      <c r="AD23" s="34"/>
      <c r="AE23" s="35"/>
      <c r="AF23" s="35"/>
      <c r="AG23" s="35"/>
      <c r="AH23" s="33"/>
      <c r="AI23" s="33"/>
      <c r="AJ23" s="33"/>
      <c r="AK23" s="33"/>
      <c r="AL23" s="34"/>
      <c r="AM23" s="35"/>
      <c r="AN23" s="35"/>
      <c r="AO23" s="36"/>
    </row>
    <row r="24" spans="1:41" s="59" customFormat="1" ht="9.75" customHeight="1">
      <c r="A24" s="40"/>
      <c r="B24" s="193"/>
      <c r="C24" s="169"/>
      <c r="D24" s="193"/>
      <c r="E24" s="219"/>
      <c r="F24" s="222"/>
      <c r="G24" s="169"/>
      <c r="H24" s="44"/>
      <c r="I24" s="169"/>
      <c r="J24" s="44"/>
      <c r="K24" s="192"/>
      <c r="L24" s="169"/>
      <c r="M24" s="191"/>
      <c r="N24" s="45"/>
      <c r="O24" s="168"/>
      <c r="P24" s="168"/>
      <c r="Q24" s="41"/>
      <c r="R24" s="169"/>
      <c r="S24" s="168"/>
      <c r="T24" s="190"/>
      <c r="U24" s="168"/>
      <c r="V24" s="44"/>
      <c r="W24" s="45"/>
      <c r="X24" s="45"/>
      <c r="Y24" s="45"/>
      <c r="Z24" s="189"/>
      <c r="AA24" s="33"/>
      <c r="AB24" s="33"/>
      <c r="AC24" s="33"/>
      <c r="AD24" s="34"/>
      <c r="AE24" s="35"/>
      <c r="AF24" s="35"/>
      <c r="AG24" s="35"/>
      <c r="AH24" s="33"/>
      <c r="AI24" s="33"/>
      <c r="AJ24" s="33"/>
      <c r="AK24" s="33"/>
      <c r="AL24" s="34"/>
      <c r="AM24" s="35"/>
      <c r="AN24" s="35"/>
      <c r="AO24" s="36"/>
    </row>
    <row r="25" spans="1:41" s="59" customFormat="1" ht="9.75" customHeight="1">
      <c r="A25" s="40"/>
      <c r="B25" s="194"/>
      <c r="C25" s="169"/>
      <c r="D25" s="193"/>
      <c r="E25" s="169"/>
      <c r="F25" s="170"/>
      <c r="G25" s="169"/>
      <c r="H25" s="44"/>
      <c r="I25" s="169"/>
      <c r="J25" s="44"/>
      <c r="K25" s="192"/>
      <c r="L25" s="169"/>
      <c r="M25" s="191"/>
      <c r="N25" s="45"/>
      <c r="O25" s="168"/>
      <c r="P25" s="227" t="s">
        <v>749</v>
      </c>
      <c r="Q25" s="230" t="s">
        <v>748</v>
      </c>
      <c r="R25" s="162"/>
      <c r="S25" s="167"/>
      <c r="T25" s="196"/>
      <c r="U25" s="167"/>
      <c r="V25" s="69"/>
      <c r="W25" s="70"/>
      <c r="X25" s="70"/>
      <c r="Y25" s="70"/>
      <c r="Z25" s="195" t="s">
        <v>1</v>
      </c>
      <c r="AA25" s="74"/>
      <c r="AB25" s="74"/>
      <c r="AC25" s="74"/>
      <c r="AD25" s="75"/>
      <c r="AE25" s="25"/>
      <c r="AF25" s="25"/>
      <c r="AG25" s="25"/>
      <c r="AH25" s="74"/>
      <c r="AI25" s="74"/>
      <c r="AJ25" s="74"/>
      <c r="AK25" s="74"/>
      <c r="AL25" s="75"/>
      <c r="AM25" s="25"/>
      <c r="AN25" s="25"/>
      <c r="AO25" s="32"/>
    </row>
    <row r="26" spans="1:41" s="59" customFormat="1" ht="9.75" customHeight="1">
      <c r="A26" s="40"/>
      <c r="B26" s="194"/>
      <c r="C26" s="169"/>
      <c r="D26" s="193"/>
      <c r="E26" s="169"/>
      <c r="F26" s="170"/>
      <c r="G26" s="169"/>
      <c r="H26" s="44"/>
      <c r="I26" s="169"/>
      <c r="J26" s="44"/>
      <c r="K26" s="192"/>
      <c r="L26" s="169"/>
      <c r="M26" s="191"/>
      <c r="N26" s="45"/>
      <c r="O26" s="168"/>
      <c r="P26" s="228"/>
      <c r="Q26" s="222"/>
      <c r="R26" s="169"/>
      <c r="S26" s="168" t="s">
        <v>766</v>
      </c>
      <c r="T26" s="190" t="s">
        <v>765</v>
      </c>
      <c r="U26" s="168"/>
      <c r="V26" s="44" t="s">
        <v>22</v>
      </c>
      <c r="W26" s="45" t="s">
        <v>22</v>
      </c>
      <c r="X26" s="45" t="s">
        <v>22</v>
      </c>
      <c r="Y26" s="45" t="s">
        <v>764</v>
      </c>
      <c r="Z26" s="189"/>
      <c r="AA26" s="33"/>
      <c r="AB26" s="33"/>
      <c r="AC26" s="33"/>
      <c r="AD26" s="34"/>
      <c r="AE26" s="35"/>
      <c r="AF26" s="35"/>
      <c r="AG26" s="35"/>
      <c r="AH26" s="33"/>
      <c r="AI26" s="33"/>
      <c r="AJ26" s="33"/>
      <c r="AK26" s="33"/>
      <c r="AL26" s="34"/>
      <c r="AM26" s="35"/>
      <c r="AN26" s="35"/>
      <c r="AO26" s="36"/>
    </row>
    <row r="27" spans="1:41" s="59" customFormat="1" ht="9.75" customHeight="1">
      <c r="A27" s="40"/>
      <c r="B27" s="194"/>
      <c r="C27" s="169"/>
      <c r="D27" s="193"/>
      <c r="E27" s="169"/>
      <c r="F27" s="170"/>
      <c r="G27" s="169"/>
      <c r="H27" s="44"/>
      <c r="I27" s="169"/>
      <c r="J27" s="44"/>
      <c r="K27" s="192"/>
      <c r="L27" s="169"/>
      <c r="M27" s="191"/>
      <c r="N27" s="45"/>
      <c r="O27" s="168"/>
      <c r="P27" s="229"/>
      <c r="Q27" s="223"/>
      <c r="R27" s="169"/>
      <c r="S27" s="168"/>
      <c r="T27" s="190"/>
      <c r="U27" s="168"/>
      <c r="V27" s="44"/>
      <c r="W27" s="45"/>
      <c r="X27" s="45"/>
      <c r="Y27" s="45"/>
      <c r="Z27" s="189"/>
      <c r="AA27" s="33"/>
      <c r="AB27" s="33"/>
      <c r="AC27" s="33"/>
      <c r="AD27" s="34"/>
      <c r="AE27" s="35"/>
      <c r="AF27" s="35"/>
      <c r="AG27" s="35"/>
      <c r="AH27" s="33"/>
      <c r="AI27" s="33"/>
      <c r="AJ27" s="33"/>
      <c r="AK27" s="33"/>
      <c r="AL27" s="34"/>
      <c r="AM27" s="35"/>
      <c r="AN27" s="35"/>
      <c r="AO27" s="36"/>
    </row>
    <row r="28" spans="1:41" s="59" customFormat="1" ht="9.75" customHeight="1">
      <c r="A28" s="40"/>
      <c r="B28" s="193"/>
      <c r="C28" s="169"/>
      <c r="D28" s="170"/>
      <c r="E28" s="218" t="s">
        <v>26</v>
      </c>
      <c r="F28" s="230" t="s">
        <v>759</v>
      </c>
      <c r="G28" s="162"/>
      <c r="H28" s="69"/>
      <c r="I28" s="162"/>
      <c r="J28" s="69"/>
      <c r="K28" s="198"/>
      <c r="L28" s="162"/>
      <c r="M28" s="197"/>
      <c r="N28" s="70"/>
      <c r="O28" s="167"/>
      <c r="P28" s="167"/>
      <c r="Q28" s="68"/>
      <c r="R28" s="162"/>
      <c r="S28" s="167"/>
      <c r="T28" s="196"/>
      <c r="U28" s="167"/>
      <c r="V28" s="69"/>
      <c r="W28" s="70"/>
      <c r="X28" s="70"/>
      <c r="Y28" s="70"/>
      <c r="Z28" s="195" t="s">
        <v>1</v>
      </c>
      <c r="AA28" s="74"/>
      <c r="AB28" s="74"/>
      <c r="AC28" s="74"/>
      <c r="AD28" s="75"/>
      <c r="AE28" s="25"/>
      <c r="AF28" s="25"/>
      <c r="AG28" s="25"/>
      <c r="AH28" s="74"/>
      <c r="AI28" s="74"/>
      <c r="AJ28" s="74"/>
      <c r="AK28" s="74"/>
      <c r="AL28" s="75"/>
      <c r="AM28" s="25"/>
      <c r="AN28" s="25"/>
      <c r="AO28" s="32"/>
    </row>
    <row r="29" spans="1:41" s="59" customFormat="1" ht="9.75" customHeight="1">
      <c r="A29" s="40"/>
      <c r="B29" s="193"/>
      <c r="C29" s="169"/>
      <c r="D29" s="193"/>
      <c r="E29" s="219"/>
      <c r="F29" s="222"/>
      <c r="G29" s="169"/>
      <c r="H29" s="44" t="s">
        <v>27</v>
      </c>
      <c r="I29" s="169" t="s">
        <v>23</v>
      </c>
      <c r="J29" s="44" t="s">
        <v>28</v>
      </c>
      <c r="K29" s="192" t="s">
        <v>22</v>
      </c>
      <c r="L29" s="169"/>
      <c r="M29" s="191" t="s">
        <v>22</v>
      </c>
      <c r="N29" s="45" t="s">
        <v>29</v>
      </c>
      <c r="O29" s="168"/>
      <c r="P29" s="168"/>
      <c r="Q29" s="41"/>
      <c r="R29" s="169"/>
      <c r="S29" s="168"/>
      <c r="T29" s="190" t="s">
        <v>30</v>
      </c>
      <c r="U29" s="168"/>
      <c r="V29" s="44" t="s">
        <v>22</v>
      </c>
      <c r="W29" s="45" t="s">
        <v>22</v>
      </c>
      <c r="X29" s="45" t="s">
        <v>22</v>
      </c>
      <c r="Y29" s="45" t="s">
        <v>763</v>
      </c>
      <c r="Z29" s="189"/>
      <c r="AA29" s="33"/>
      <c r="AB29" s="33"/>
      <c r="AC29" s="33"/>
      <c r="AD29" s="34"/>
      <c r="AE29" s="35"/>
      <c r="AF29" s="35"/>
      <c r="AG29" s="35"/>
      <c r="AH29" s="33"/>
      <c r="AI29" s="33"/>
      <c r="AJ29" s="33"/>
      <c r="AK29" s="33"/>
      <c r="AL29" s="34"/>
      <c r="AM29" s="35"/>
      <c r="AN29" s="35"/>
      <c r="AO29" s="36"/>
    </row>
    <row r="30" spans="1:41" s="59" customFormat="1" ht="9.75" customHeight="1">
      <c r="A30" s="40"/>
      <c r="B30" s="193"/>
      <c r="C30" s="169"/>
      <c r="D30" s="193"/>
      <c r="E30" s="219"/>
      <c r="F30" s="222"/>
      <c r="G30" s="169"/>
      <c r="H30" s="44"/>
      <c r="I30" s="169"/>
      <c r="J30" s="44"/>
      <c r="K30" s="192"/>
      <c r="L30" s="169"/>
      <c r="M30" s="191"/>
      <c r="N30" s="45"/>
      <c r="O30" s="168"/>
      <c r="P30" s="168"/>
      <c r="Q30" s="41"/>
      <c r="R30" s="169"/>
      <c r="S30" s="168"/>
      <c r="T30" s="190"/>
      <c r="U30" s="168"/>
      <c r="V30" s="44"/>
      <c r="W30" s="45"/>
      <c r="X30" s="45"/>
      <c r="Y30" s="45"/>
      <c r="Z30" s="189"/>
      <c r="AA30" s="33"/>
      <c r="AB30" s="33"/>
      <c r="AC30" s="33"/>
      <c r="AD30" s="34"/>
      <c r="AE30" s="35"/>
      <c r="AF30" s="35"/>
      <c r="AG30" s="35"/>
      <c r="AH30" s="33"/>
      <c r="AI30" s="33"/>
      <c r="AJ30" s="33"/>
      <c r="AK30" s="33"/>
      <c r="AL30" s="34"/>
      <c r="AM30" s="35"/>
      <c r="AN30" s="35"/>
      <c r="AO30" s="36"/>
    </row>
    <row r="31" spans="1:41" s="59" customFormat="1" ht="9.75" customHeight="1">
      <c r="A31" s="40"/>
      <c r="B31" s="194"/>
      <c r="C31" s="169"/>
      <c r="D31" s="193"/>
      <c r="E31" s="169"/>
      <c r="F31" s="170"/>
      <c r="G31" s="169"/>
      <c r="H31" s="44"/>
      <c r="I31" s="169"/>
      <c r="J31" s="44"/>
      <c r="K31" s="192"/>
      <c r="L31" s="169"/>
      <c r="M31" s="191"/>
      <c r="N31" s="45"/>
      <c r="O31" s="168"/>
      <c r="P31" s="227" t="s">
        <v>666</v>
      </c>
      <c r="Q31" s="221" t="s">
        <v>665</v>
      </c>
      <c r="R31" s="162"/>
      <c r="S31" s="167"/>
      <c r="T31" s="196"/>
      <c r="U31" s="167"/>
      <c r="V31" s="69"/>
      <c r="W31" s="70"/>
      <c r="X31" s="70"/>
      <c r="Y31" s="70"/>
      <c r="Z31" s="195" t="s">
        <v>1</v>
      </c>
      <c r="AA31" s="74"/>
      <c r="AB31" s="74"/>
      <c r="AC31" s="74"/>
      <c r="AD31" s="75"/>
      <c r="AE31" s="25"/>
      <c r="AF31" s="25"/>
      <c r="AG31" s="25"/>
      <c r="AH31" s="74"/>
      <c r="AI31" s="74"/>
      <c r="AJ31" s="74"/>
      <c r="AK31" s="74"/>
      <c r="AL31" s="75"/>
      <c r="AM31" s="25"/>
      <c r="AN31" s="25"/>
      <c r="AO31" s="32"/>
    </row>
    <row r="32" spans="1:41" s="59" customFormat="1" ht="9.75" customHeight="1">
      <c r="A32" s="40"/>
      <c r="B32" s="194"/>
      <c r="C32" s="169"/>
      <c r="D32" s="193"/>
      <c r="E32" s="169"/>
      <c r="F32" s="170"/>
      <c r="G32" s="169"/>
      <c r="H32" s="44"/>
      <c r="I32" s="169"/>
      <c r="J32" s="44"/>
      <c r="K32" s="192"/>
      <c r="L32" s="169"/>
      <c r="M32" s="191"/>
      <c r="N32" s="45"/>
      <c r="O32" s="168"/>
      <c r="P32" s="228"/>
      <c r="Q32" s="222"/>
      <c r="R32" s="169"/>
      <c r="S32" s="168" t="s">
        <v>29</v>
      </c>
      <c r="T32" s="190" t="s">
        <v>30</v>
      </c>
      <c r="U32" s="168"/>
      <c r="V32" s="44" t="s">
        <v>22</v>
      </c>
      <c r="W32" s="45" t="s">
        <v>22</v>
      </c>
      <c r="X32" s="45" t="s">
        <v>22</v>
      </c>
      <c r="Y32" s="45" t="s">
        <v>763</v>
      </c>
      <c r="Z32" s="189"/>
      <c r="AA32" s="33"/>
      <c r="AB32" s="33"/>
      <c r="AC32" s="33"/>
      <c r="AD32" s="34"/>
      <c r="AE32" s="35"/>
      <c r="AF32" s="35"/>
      <c r="AG32" s="35"/>
      <c r="AH32" s="33"/>
      <c r="AI32" s="33"/>
      <c r="AJ32" s="33"/>
      <c r="AK32" s="33"/>
      <c r="AL32" s="34"/>
      <c r="AM32" s="35"/>
      <c r="AN32" s="35"/>
      <c r="AO32" s="36"/>
    </row>
    <row r="33" spans="1:41" s="59" customFormat="1" ht="9.75" customHeight="1">
      <c r="A33" s="40"/>
      <c r="B33" s="194"/>
      <c r="C33" s="169"/>
      <c r="D33" s="193"/>
      <c r="E33" s="169"/>
      <c r="F33" s="170"/>
      <c r="G33" s="169"/>
      <c r="H33" s="44"/>
      <c r="I33" s="169"/>
      <c r="J33" s="44"/>
      <c r="K33" s="192"/>
      <c r="L33" s="169"/>
      <c r="M33" s="191"/>
      <c r="N33" s="45"/>
      <c r="O33" s="168"/>
      <c r="P33" s="229"/>
      <c r="Q33" s="223"/>
      <c r="R33" s="169"/>
      <c r="S33" s="168"/>
      <c r="T33" s="190"/>
      <c r="U33" s="168"/>
      <c r="V33" s="44"/>
      <c r="W33" s="45"/>
      <c r="X33" s="45"/>
      <c r="Y33" s="45"/>
      <c r="Z33" s="189"/>
      <c r="AA33" s="33"/>
      <c r="AB33" s="33"/>
      <c r="AC33" s="33"/>
      <c r="AD33" s="34"/>
      <c r="AE33" s="35"/>
      <c r="AF33" s="35"/>
      <c r="AG33" s="35"/>
      <c r="AH33" s="33"/>
      <c r="AI33" s="33"/>
      <c r="AJ33" s="33"/>
      <c r="AK33" s="33"/>
      <c r="AL33" s="34"/>
      <c r="AM33" s="35"/>
      <c r="AN33" s="35"/>
      <c r="AO33" s="36"/>
    </row>
    <row r="34" spans="1:41" s="59" customFormat="1" ht="9.75" customHeight="1">
      <c r="A34" s="76"/>
      <c r="B34" s="188"/>
      <c r="C34" s="167"/>
      <c r="D34" s="188"/>
      <c r="E34" s="167"/>
      <c r="F34" s="68"/>
      <c r="G34" s="103"/>
      <c r="H34" s="104"/>
      <c r="I34" s="103"/>
      <c r="J34" s="104"/>
      <c r="K34" s="187"/>
      <c r="L34" s="103"/>
      <c r="M34" s="186"/>
      <c r="N34" s="105"/>
      <c r="O34" s="106"/>
      <c r="P34" s="106"/>
      <c r="Q34" s="65"/>
      <c r="R34" s="103"/>
      <c r="S34" s="106"/>
      <c r="T34" s="185"/>
      <c r="U34" s="106"/>
      <c r="V34" s="104"/>
      <c r="W34" s="105"/>
      <c r="X34" s="105"/>
      <c r="Y34" s="105"/>
      <c r="Z34" s="184" t="s">
        <v>1</v>
      </c>
      <c r="AA34" s="109"/>
      <c r="AB34" s="109"/>
      <c r="AC34" s="109"/>
      <c r="AD34" s="110"/>
      <c r="AE34" s="111"/>
      <c r="AF34" s="111"/>
      <c r="AG34" s="111"/>
      <c r="AH34" s="109"/>
      <c r="AI34" s="109"/>
      <c r="AJ34" s="109"/>
      <c r="AK34" s="109"/>
      <c r="AL34" s="110"/>
      <c r="AM34" s="111"/>
      <c r="AN34" s="111"/>
      <c r="AO34" s="112"/>
    </row>
    <row r="35" spans="1:41" s="59" customFormat="1" ht="9.75" customHeight="1">
      <c r="A35" s="248" t="s">
        <v>660</v>
      </c>
      <c r="B35" s="249"/>
      <c r="C35" s="250"/>
      <c r="D35" s="250"/>
      <c r="E35" s="250"/>
      <c r="F35" s="236"/>
      <c r="G35" s="273" t="s">
        <v>172</v>
      </c>
      <c r="H35" s="274"/>
      <c r="I35" s="52" t="s">
        <v>23</v>
      </c>
      <c r="J35" s="53" t="s">
        <v>173</v>
      </c>
      <c r="K35" s="54" t="s">
        <v>22</v>
      </c>
      <c r="L35" s="52"/>
      <c r="M35" s="53" t="s">
        <v>22</v>
      </c>
      <c r="N35" s="183" t="s">
        <v>174</v>
      </c>
      <c r="O35" s="182"/>
      <c r="P35" s="55"/>
      <c r="Q35" s="56"/>
      <c r="R35" s="52"/>
      <c r="S35" s="55"/>
      <c r="T35" s="181" t="s">
        <v>175</v>
      </c>
      <c r="U35" s="55"/>
      <c r="V35" s="53" t="s">
        <v>22</v>
      </c>
      <c r="W35" s="54" t="s">
        <v>22</v>
      </c>
      <c r="X35" s="53" t="s">
        <v>22</v>
      </c>
      <c r="Y35" s="54" t="s">
        <v>762</v>
      </c>
      <c r="Z35" s="180"/>
      <c r="AA35" s="61"/>
      <c r="AB35" s="61"/>
      <c r="AC35" s="61"/>
      <c r="AD35" s="61"/>
      <c r="AE35" s="62"/>
      <c r="AF35" s="62"/>
      <c r="AG35" s="62"/>
      <c r="AH35" s="60"/>
      <c r="AI35" s="60"/>
      <c r="AJ35" s="60"/>
      <c r="AK35" s="60"/>
      <c r="AL35" s="61"/>
      <c r="AM35" s="61"/>
      <c r="AN35" s="61"/>
      <c r="AO35" s="63"/>
    </row>
    <row r="36" spans="1:41" s="59" customFormat="1" ht="9.75" customHeight="1">
      <c r="A36" s="77"/>
      <c r="B36" s="179"/>
      <c r="C36" s="82"/>
      <c r="D36" s="179"/>
      <c r="E36" s="82"/>
      <c r="F36" s="78"/>
      <c r="G36" s="79"/>
      <c r="H36" s="80"/>
      <c r="I36" s="79"/>
      <c r="J36" s="80"/>
      <c r="K36" s="178"/>
      <c r="L36" s="79"/>
      <c r="M36" s="177"/>
      <c r="N36" s="81"/>
      <c r="O36" s="82"/>
      <c r="P36" s="82"/>
      <c r="Q36" s="78"/>
      <c r="R36" s="79"/>
      <c r="S36" s="82"/>
      <c r="T36" s="176"/>
      <c r="U36" s="82"/>
      <c r="V36" s="80"/>
      <c r="W36" s="81"/>
      <c r="X36" s="81"/>
      <c r="Y36" s="81"/>
      <c r="Z36" s="175"/>
      <c r="AA36" s="117"/>
      <c r="AB36" s="117"/>
      <c r="AC36" s="117"/>
      <c r="AD36" s="118"/>
      <c r="AE36" s="119"/>
      <c r="AF36" s="119"/>
      <c r="AG36" s="119"/>
      <c r="AH36" s="117"/>
      <c r="AI36" s="117"/>
      <c r="AJ36" s="117"/>
      <c r="AK36" s="117"/>
      <c r="AL36" s="118"/>
      <c r="AM36" s="119"/>
      <c r="AN36" s="119"/>
      <c r="AO36" s="120"/>
    </row>
    <row r="37" spans="1:41" ht="9.75" customHeight="1">
      <c r="A37" s="134"/>
      <c r="B37" s="135"/>
      <c r="C37" s="135"/>
      <c r="D37" s="135"/>
      <c r="E37" s="135"/>
      <c r="F37" s="135"/>
      <c r="G37" s="135"/>
      <c r="H37" s="135"/>
      <c r="I37" s="135"/>
      <c r="J37" s="135"/>
      <c r="K37" s="135"/>
      <c r="L37" s="135"/>
      <c r="M37" s="135"/>
      <c r="N37" s="135"/>
      <c r="O37" s="135"/>
      <c r="P37" s="135"/>
      <c r="Q37" s="135"/>
      <c r="R37" s="135"/>
      <c r="S37" s="135"/>
      <c r="T37" s="135"/>
      <c r="U37" s="135"/>
      <c r="V37" s="135"/>
      <c r="W37" s="135"/>
      <c r="X37" s="135"/>
      <c r="Y37" s="135"/>
      <c r="Z37" s="136"/>
      <c r="AA37" s="136"/>
      <c r="AB37" s="136"/>
      <c r="AC37" s="136"/>
      <c r="AD37" s="136"/>
      <c r="AE37" s="136"/>
      <c r="AF37" s="136"/>
      <c r="AG37" s="136"/>
      <c r="AH37" s="136"/>
      <c r="AI37" s="136"/>
      <c r="AJ37" s="136"/>
      <c r="AK37" s="136"/>
      <c r="AL37" s="136"/>
      <c r="AM37" s="136"/>
      <c r="AN37" s="136"/>
      <c r="AO37" s="137"/>
    </row>
    <row r="38" spans="1:41" ht="9.75" customHeight="1">
      <c r="A38" s="138"/>
      <c r="B38" s="139"/>
      <c r="C38" s="139"/>
      <c r="D38" s="139"/>
      <c r="E38" s="139"/>
      <c r="F38" s="139"/>
      <c r="G38" s="139"/>
      <c r="H38" s="139"/>
      <c r="I38" s="139"/>
      <c r="J38" s="139"/>
      <c r="K38" s="139"/>
      <c r="L38" s="139"/>
      <c r="M38" s="139"/>
      <c r="N38" s="139"/>
      <c r="O38" s="139"/>
      <c r="P38" s="139"/>
      <c r="Q38" s="139"/>
      <c r="R38" s="139"/>
      <c r="S38" s="139"/>
      <c r="T38" s="139"/>
      <c r="U38" s="139"/>
      <c r="V38" s="139"/>
      <c r="W38" s="139"/>
      <c r="X38" s="139"/>
      <c r="Y38" s="139"/>
      <c r="Z38" s="139"/>
      <c r="AA38" s="139"/>
      <c r="AB38" s="139"/>
      <c r="AC38" s="139"/>
      <c r="AD38" s="139"/>
      <c r="AE38" s="139"/>
      <c r="AF38" s="139"/>
      <c r="AG38" s="139"/>
      <c r="AH38" s="139"/>
      <c r="AI38" s="139"/>
      <c r="AJ38" s="139"/>
      <c r="AK38" s="139"/>
      <c r="AL38" s="139"/>
      <c r="AM38" s="139"/>
      <c r="AN38" s="139"/>
      <c r="AO38" s="140"/>
    </row>
    <row r="39" spans="1:41" ht="9.75" customHeight="1">
      <c r="A39" s="138"/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139"/>
      <c r="M39" s="139"/>
      <c r="N39" s="139"/>
      <c r="O39" s="139"/>
      <c r="P39" s="139"/>
      <c r="Q39" s="139"/>
      <c r="R39" s="139"/>
      <c r="S39" s="139"/>
      <c r="T39" s="139"/>
      <c r="U39" s="139"/>
      <c r="V39" s="139"/>
      <c r="W39" s="139"/>
      <c r="X39" s="139"/>
      <c r="Y39" s="139"/>
      <c r="Z39" s="139"/>
      <c r="AA39" s="139"/>
      <c r="AB39" s="139"/>
      <c r="AC39" s="139"/>
      <c r="AD39" s="139"/>
      <c r="AE39" s="139"/>
      <c r="AF39" s="139"/>
      <c r="AG39" s="139"/>
      <c r="AH39" s="139"/>
      <c r="AI39" s="139"/>
      <c r="AJ39" s="139"/>
      <c r="AK39" s="139"/>
      <c r="AL39" s="139"/>
      <c r="AM39" s="139"/>
      <c r="AN39" s="139"/>
      <c r="AO39" s="140"/>
    </row>
    <row r="40" spans="1:41" ht="9.75" customHeight="1">
      <c r="A40" s="138"/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139"/>
      <c r="M40" s="139"/>
      <c r="N40" s="139"/>
      <c r="O40" s="139"/>
      <c r="P40" s="139"/>
      <c r="Q40" s="139"/>
      <c r="R40" s="139"/>
      <c r="S40" s="139"/>
      <c r="T40" s="139"/>
      <c r="U40" s="139"/>
      <c r="V40" s="139"/>
      <c r="W40" s="139"/>
      <c r="X40" s="139"/>
      <c r="Y40" s="139"/>
      <c r="Z40" s="139"/>
      <c r="AA40" s="139"/>
      <c r="AB40" s="139"/>
      <c r="AC40" s="139"/>
      <c r="AD40" s="139"/>
      <c r="AE40" s="139"/>
      <c r="AF40" s="139"/>
      <c r="AG40" s="139"/>
      <c r="AH40" s="139"/>
      <c r="AI40" s="139"/>
      <c r="AJ40" s="139"/>
      <c r="AK40" s="139"/>
      <c r="AL40" s="139"/>
      <c r="AM40" s="139"/>
      <c r="AN40" s="139"/>
      <c r="AO40" s="140"/>
    </row>
    <row r="41" spans="1:41" ht="9.75" customHeight="1">
      <c r="A41" s="138"/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139"/>
      <c r="M41" s="139"/>
      <c r="N41" s="139"/>
      <c r="O41" s="139"/>
      <c r="P41" s="139"/>
      <c r="Q41" s="139"/>
      <c r="R41" s="139"/>
      <c r="S41" s="139"/>
      <c r="T41" s="139"/>
      <c r="U41" s="139"/>
      <c r="V41" s="139"/>
      <c r="W41" s="139"/>
      <c r="X41" s="139"/>
      <c r="Y41" s="139"/>
      <c r="Z41" s="139"/>
      <c r="AA41" s="139"/>
      <c r="AB41" s="139"/>
      <c r="AC41" s="139"/>
      <c r="AD41" s="139"/>
      <c r="AE41" s="139"/>
      <c r="AF41" s="139"/>
      <c r="AG41" s="139"/>
      <c r="AH41" s="139"/>
      <c r="AI41" s="139"/>
      <c r="AJ41" s="139"/>
      <c r="AK41" s="139"/>
      <c r="AL41" s="139"/>
      <c r="AM41" s="139"/>
      <c r="AN41" s="139"/>
      <c r="AO41" s="140"/>
    </row>
    <row r="42" spans="1:41" ht="9.75" customHeight="1">
      <c r="A42" s="138"/>
      <c r="B42" s="139"/>
      <c r="C42" s="139"/>
      <c r="D42" s="139"/>
      <c r="E42" s="139"/>
      <c r="F42" s="139"/>
      <c r="G42" s="139"/>
      <c r="H42" s="139"/>
      <c r="I42" s="139"/>
      <c r="J42" s="139"/>
      <c r="K42" s="139"/>
      <c r="L42" s="139"/>
      <c r="M42" s="139"/>
      <c r="N42" s="139"/>
      <c r="O42" s="139"/>
      <c r="P42" s="139"/>
      <c r="Q42" s="139"/>
      <c r="R42" s="139"/>
      <c r="S42" s="139"/>
      <c r="T42" s="139"/>
      <c r="U42" s="139"/>
      <c r="V42" s="139"/>
      <c r="W42" s="139"/>
      <c r="X42" s="139"/>
      <c r="Y42" s="139"/>
      <c r="Z42" s="139"/>
      <c r="AA42" s="139"/>
      <c r="AB42" s="139"/>
      <c r="AC42" s="139"/>
      <c r="AD42" s="139"/>
      <c r="AE42" s="139"/>
      <c r="AF42" s="139"/>
      <c r="AG42" s="139"/>
      <c r="AH42" s="139"/>
      <c r="AI42" s="139"/>
      <c r="AJ42" s="139"/>
      <c r="AK42" s="139"/>
      <c r="AL42" s="139"/>
      <c r="AM42" s="139"/>
      <c r="AN42" s="139"/>
      <c r="AO42" s="140"/>
    </row>
    <row r="43" spans="1:41" ht="9.75" customHeight="1">
      <c r="A43" s="138"/>
      <c r="B43" s="139"/>
      <c r="C43" s="139"/>
      <c r="D43" s="139"/>
      <c r="E43" s="139"/>
      <c r="F43" s="139"/>
      <c r="G43" s="139"/>
      <c r="H43" s="139"/>
      <c r="I43" s="139"/>
      <c r="J43" s="139"/>
      <c r="K43" s="139"/>
      <c r="L43" s="139"/>
      <c r="M43" s="139"/>
      <c r="N43" s="139"/>
      <c r="O43" s="139"/>
      <c r="P43" s="139"/>
      <c r="Q43" s="139"/>
      <c r="R43" s="139"/>
      <c r="S43" s="139"/>
      <c r="T43" s="139"/>
      <c r="U43" s="139"/>
      <c r="V43" s="139"/>
      <c r="W43" s="139"/>
      <c r="X43" s="139"/>
      <c r="Y43" s="139"/>
      <c r="Z43" s="139"/>
      <c r="AA43" s="139"/>
      <c r="AB43" s="139"/>
      <c r="AC43" s="139"/>
      <c r="AD43" s="139"/>
      <c r="AE43" s="139"/>
      <c r="AF43" s="139"/>
      <c r="AG43" s="139"/>
      <c r="AH43" s="139"/>
      <c r="AI43" s="139"/>
      <c r="AJ43" s="139"/>
      <c r="AK43" s="139"/>
      <c r="AL43" s="139"/>
      <c r="AM43" s="139"/>
      <c r="AN43" s="139"/>
      <c r="AO43" s="140"/>
    </row>
    <row r="44" spans="1:41" ht="9.75" customHeight="1">
      <c r="A44" s="138"/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  <c r="N44" s="139"/>
      <c r="O44" s="139"/>
      <c r="P44" s="139"/>
      <c r="Q44" s="139"/>
      <c r="R44" s="139"/>
      <c r="S44" s="139"/>
      <c r="T44" s="139"/>
      <c r="U44" s="139"/>
      <c r="V44" s="139"/>
      <c r="W44" s="139"/>
      <c r="X44" s="139"/>
      <c r="Y44" s="139"/>
      <c r="Z44" s="139"/>
      <c r="AA44" s="139"/>
      <c r="AB44" s="139"/>
      <c r="AC44" s="139"/>
      <c r="AD44" s="139"/>
      <c r="AE44" s="139"/>
      <c r="AF44" s="139"/>
      <c r="AG44" s="139"/>
      <c r="AH44" s="139"/>
      <c r="AI44" s="139"/>
      <c r="AJ44" s="139"/>
      <c r="AK44" s="139"/>
      <c r="AL44" s="139"/>
      <c r="AM44" s="139"/>
      <c r="AN44" s="139"/>
      <c r="AO44" s="140"/>
    </row>
    <row r="45" spans="1:41" ht="9.75" customHeight="1">
      <c r="A45" s="138"/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139"/>
      <c r="M45" s="139"/>
      <c r="N45" s="139"/>
      <c r="O45" s="139"/>
      <c r="P45" s="139"/>
      <c r="Q45" s="139"/>
      <c r="R45" s="139"/>
      <c r="S45" s="139"/>
      <c r="T45" s="139"/>
      <c r="U45" s="139"/>
      <c r="V45" s="139"/>
      <c r="W45" s="139"/>
      <c r="X45" s="139"/>
      <c r="Y45" s="139"/>
      <c r="Z45" s="139"/>
      <c r="AA45" s="139"/>
      <c r="AB45" s="139"/>
      <c r="AC45" s="139"/>
      <c r="AD45" s="139"/>
      <c r="AE45" s="139"/>
      <c r="AF45" s="139"/>
      <c r="AG45" s="139"/>
      <c r="AH45" s="139"/>
      <c r="AI45" s="139"/>
      <c r="AJ45" s="139"/>
      <c r="AK45" s="139"/>
      <c r="AL45" s="139"/>
      <c r="AM45" s="139"/>
      <c r="AN45" s="139"/>
      <c r="AO45" s="140"/>
    </row>
    <row r="46" spans="1:41" ht="9.75" customHeight="1">
      <c r="A46" s="138"/>
      <c r="B46" s="139"/>
      <c r="C46" s="139"/>
      <c r="D46" s="139"/>
      <c r="E46" s="139"/>
      <c r="F46" s="139"/>
      <c r="G46" s="139"/>
      <c r="H46" s="139"/>
      <c r="I46" s="139"/>
      <c r="J46" s="139"/>
      <c r="K46" s="139"/>
      <c r="L46" s="139"/>
      <c r="M46" s="139"/>
      <c r="N46" s="139"/>
      <c r="O46" s="139"/>
      <c r="P46" s="139"/>
      <c r="Q46" s="139"/>
      <c r="R46" s="139"/>
      <c r="S46" s="139"/>
      <c r="T46" s="139"/>
      <c r="U46" s="139"/>
      <c r="V46" s="139"/>
      <c r="W46" s="139"/>
      <c r="X46" s="139"/>
      <c r="Y46" s="139"/>
      <c r="Z46" s="139"/>
      <c r="AA46" s="139"/>
      <c r="AB46" s="139"/>
      <c r="AC46" s="139"/>
      <c r="AD46" s="139"/>
      <c r="AE46" s="139"/>
      <c r="AF46" s="139"/>
      <c r="AG46" s="139"/>
      <c r="AH46" s="139"/>
      <c r="AI46" s="139"/>
      <c r="AJ46" s="139"/>
      <c r="AK46" s="139"/>
      <c r="AL46" s="139"/>
      <c r="AM46" s="139"/>
      <c r="AN46" s="139"/>
      <c r="AO46" s="140"/>
    </row>
    <row r="47" spans="1:41" ht="9.75" customHeight="1">
      <c r="A47" s="138"/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139"/>
      <c r="M47" s="139"/>
      <c r="N47" s="139"/>
      <c r="O47" s="139"/>
      <c r="P47" s="139"/>
      <c r="Q47" s="139"/>
      <c r="R47" s="139"/>
      <c r="S47" s="139"/>
      <c r="T47" s="139"/>
      <c r="U47" s="139"/>
      <c r="V47" s="139"/>
      <c r="W47" s="139"/>
      <c r="X47" s="139"/>
      <c r="Y47" s="139"/>
      <c r="Z47" s="139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40"/>
    </row>
    <row r="48" spans="1:41" ht="9.75" customHeight="1">
      <c r="A48" s="138"/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139"/>
      <c r="M48" s="139"/>
      <c r="N48" s="139"/>
      <c r="O48" s="139"/>
      <c r="P48" s="139"/>
      <c r="Q48" s="139"/>
      <c r="R48" s="139"/>
      <c r="S48" s="139"/>
      <c r="T48" s="139"/>
      <c r="U48" s="139"/>
      <c r="V48" s="139"/>
      <c r="W48" s="139"/>
      <c r="X48" s="139"/>
      <c r="Y48" s="139"/>
      <c r="Z48" s="139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40"/>
    </row>
    <row r="49" spans="1:41" ht="9.75" customHeight="1">
      <c r="A49" s="138"/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139"/>
      <c r="M49" s="139"/>
      <c r="N49" s="139"/>
      <c r="O49" s="139"/>
      <c r="P49" s="139"/>
      <c r="Q49" s="139"/>
      <c r="R49" s="139"/>
      <c r="S49" s="139"/>
      <c r="T49" s="139"/>
      <c r="U49" s="139"/>
      <c r="V49" s="139"/>
      <c r="W49" s="139"/>
      <c r="X49" s="139"/>
      <c r="Y49" s="139"/>
      <c r="Z49" s="139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40"/>
    </row>
    <row r="50" spans="1:41" ht="9.75" customHeight="1">
      <c r="A50" s="138"/>
      <c r="B50" s="139"/>
      <c r="C50" s="139"/>
      <c r="D50" s="139"/>
      <c r="E50" s="139"/>
      <c r="F50" s="139"/>
      <c r="G50" s="139"/>
      <c r="H50" s="139"/>
      <c r="I50" s="139"/>
      <c r="J50" s="139"/>
      <c r="K50" s="139"/>
      <c r="L50" s="139"/>
      <c r="M50" s="139"/>
      <c r="N50" s="139"/>
      <c r="O50" s="139"/>
      <c r="P50" s="139"/>
      <c r="Q50" s="139"/>
      <c r="R50" s="139"/>
      <c r="S50" s="139"/>
      <c r="T50" s="139"/>
      <c r="U50" s="139"/>
      <c r="V50" s="139"/>
      <c r="W50" s="139"/>
      <c r="X50" s="139"/>
      <c r="Y50" s="139"/>
      <c r="Z50" s="139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40"/>
    </row>
    <row r="51" spans="1:41" ht="9.75" customHeight="1">
      <c r="A51" s="138"/>
      <c r="B51" s="139"/>
      <c r="C51" s="139"/>
      <c r="D51" s="139"/>
      <c r="E51" s="139"/>
      <c r="F51" s="139"/>
      <c r="G51" s="139"/>
      <c r="H51" s="139"/>
      <c r="I51" s="139"/>
      <c r="J51" s="139"/>
      <c r="K51" s="139"/>
      <c r="L51" s="139"/>
      <c r="M51" s="139"/>
      <c r="N51" s="139"/>
      <c r="O51" s="139"/>
      <c r="P51" s="139"/>
      <c r="Q51" s="139"/>
      <c r="R51" s="139"/>
      <c r="S51" s="139"/>
      <c r="T51" s="139"/>
      <c r="U51" s="139"/>
      <c r="V51" s="139"/>
      <c r="W51" s="139"/>
      <c r="X51" s="139"/>
      <c r="Y51" s="139"/>
      <c r="Z51" s="139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40"/>
    </row>
    <row r="52" spans="1:41" ht="9.75" customHeight="1">
      <c r="A52" s="138"/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  <c r="S52" s="139"/>
      <c r="T52" s="139"/>
      <c r="U52" s="139"/>
      <c r="V52" s="139"/>
      <c r="W52" s="139"/>
      <c r="X52" s="139"/>
      <c r="Y52" s="139"/>
      <c r="Z52" s="139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40"/>
    </row>
    <row r="53" spans="1:41" ht="9.75" customHeight="1">
      <c r="A53" s="138"/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  <c r="S53" s="139"/>
      <c r="T53" s="139"/>
      <c r="U53" s="139"/>
      <c r="V53" s="139"/>
      <c r="W53" s="139"/>
      <c r="X53" s="139"/>
      <c r="Y53" s="139"/>
      <c r="Z53" s="139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40"/>
    </row>
    <row r="54" spans="1:41" ht="9.75" customHeight="1">
      <c r="A54" s="138"/>
      <c r="B54" s="139"/>
      <c r="C54" s="139"/>
      <c r="D54" s="139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  <c r="S54" s="139"/>
      <c r="T54" s="139"/>
      <c r="U54" s="139"/>
      <c r="V54" s="139"/>
      <c r="W54" s="139"/>
      <c r="X54" s="139"/>
      <c r="Y54" s="139"/>
      <c r="Z54" s="139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40"/>
    </row>
    <row r="55" spans="1:41" ht="9.75" customHeight="1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  <c r="S55" s="139"/>
      <c r="T55" s="139"/>
      <c r="U55" s="139"/>
      <c r="V55" s="139"/>
      <c r="W55" s="139"/>
      <c r="X55" s="139"/>
      <c r="Y55" s="139"/>
      <c r="Z55" s="139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40"/>
    </row>
    <row r="56" spans="1:41" ht="9.75" customHeight="1">
      <c r="A56" s="138"/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40"/>
    </row>
    <row r="57" spans="1:41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40"/>
    </row>
    <row r="58" spans="1:41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40"/>
    </row>
    <row r="59" spans="1:41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40"/>
    </row>
    <row r="60" spans="1:41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40"/>
    </row>
    <row r="61" spans="1:41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40"/>
    </row>
    <row r="62" spans="1:41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40"/>
    </row>
    <row r="63" spans="1:41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40"/>
    </row>
    <row r="64" spans="1:41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40"/>
    </row>
    <row r="65" spans="1:41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40"/>
    </row>
    <row r="66" spans="1:41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40"/>
    </row>
    <row r="67" spans="1:41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40"/>
    </row>
    <row r="68" spans="1:41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40"/>
    </row>
    <row r="69" spans="1:41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40"/>
    </row>
    <row r="70" spans="1:41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40"/>
    </row>
    <row r="71" spans="1:41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40"/>
    </row>
    <row r="72" spans="1:41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40"/>
    </row>
    <row r="73" spans="1:41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40"/>
    </row>
    <row r="74" spans="1:41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40"/>
    </row>
    <row r="75" spans="1:41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40"/>
    </row>
    <row r="76" spans="1:41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40"/>
    </row>
    <row r="77" spans="1:41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40"/>
    </row>
    <row r="78" spans="1:41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40"/>
    </row>
    <row r="79" spans="1:41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40"/>
    </row>
    <row r="80" spans="1:41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40"/>
    </row>
    <row r="81" spans="1:41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40"/>
    </row>
    <row r="82" spans="1:41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40"/>
    </row>
    <row r="83" spans="1:41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40"/>
    </row>
    <row r="84" spans="1:41" ht="9.75" customHeight="1">
      <c r="A84" s="141"/>
      <c r="B84" s="142"/>
      <c r="C84" s="142"/>
      <c r="D84" s="142"/>
      <c r="E84" s="142"/>
      <c r="F84" s="142"/>
      <c r="G84" s="142"/>
      <c r="H84" s="142"/>
      <c r="I84" s="142"/>
      <c r="J84" s="142"/>
      <c r="K84" s="142"/>
      <c r="L84" s="142"/>
      <c r="M84" s="142"/>
      <c r="N84" s="142"/>
      <c r="O84" s="142"/>
      <c r="P84" s="142"/>
      <c r="Q84" s="142"/>
      <c r="R84" s="142"/>
      <c r="S84" s="142"/>
      <c r="T84" s="142"/>
      <c r="U84" s="142"/>
      <c r="V84" s="142"/>
      <c r="W84" s="142"/>
      <c r="X84" s="142"/>
      <c r="Y84" s="142"/>
      <c r="Z84" s="142"/>
      <c r="AA84" s="142"/>
      <c r="AB84" s="142"/>
      <c r="AC84" s="142"/>
      <c r="AD84" s="142"/>
      <c r="AE84" s="142"/>
      <c r="AF84" s="142"/>
      <c r="AG84" s="142"/>
      <c r="AH84" s="142"/>
      <c r="AI84" s="142"/>
      <c r="AJ84" s="142"/>
      <c r="AK84" s="142"/>
      <c r="AL84" s="142"/>
      <c r="AM84" s="142"/>
      <c r="AN84" s="142"/>
      <c r="AO84" s="143"/>
    </row>
  </sheetData>
  <mergeCells count="39">
    <mergeCell ref="F22:F24"/>
    <mergeCell ref="E22:E24"/>
    <mergeCell ref="F28:F30"/>
    <mergeCell ref="E28:E30"/>
    <mergeCell ref="Q19:Q21"/>
    <mergeCell ref="P19:P21"/>
    <mergeCell ref="Q25:Q27"/>
    <mergeCell ref="P25:P27"/>
    <mergeCell ref="B10:B12"/>
    <mergeCell ref="A10:A12"/>
    <mergeCell ref="D13:D15"/>
    <mergeCell ref="C13:C15"/>
    <mergeCell ref="F16:F18"/>
    <mergeCell ref="E16:E18"/>
    <mergeCell ref="T5:T8"/>
    <mergeCell ref="U5:X5"/>
    <mergeCell ref="X6:X8"/>
    <mergeCell ref="P7:Q8"/>
    <mergeCell ref="Q31:Q33"/>
    <mergeCell ref="P31:P33"/>
    <mergeCell ref="R7:S8"/>
    <mergeCell ref="Q10:Q12"/>
    <mergeCell ref="P10:P12"/>
    <mergeCell ref="A35:F35"/>
    <mergeCell ref="G35:H3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</mergeCells>
  <phoneticPr fontId="1"/>
  <pageMargins left="0.39370078740157483" right="0.39370078740157483" top="0.39370078740157483" bottom="0.39370078740157483" header="0.19685039370078741" footer="0.19685039370078741"/>
  <pageSetup paperSize="9" firstPageNumber="236" pageOrder="overThenDown" orientation="portrait" useFirstPageNumber="1" r:id="rId1"/>
  <headerFooter>
    <oddFooter>&amp;C- &amp;P 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2:AR85"/>
  <sheetViews>
    <sheetView workbookViewId="0"/>
  </sheetViews>
  <sheetFormatPr defaultRowHeight="9.75" customHeight="1"/>
  <cols>
    <col min="1" max="1" width="2.125" style="17" customWidth="1"/>
    <col min="2" max="2" width="10.625" style="17" customWidth="1"/>
    <col min="3" max="3" width="2.125" style="17" customWidth="1"/>
    <col min="4" max="4" width="10.625" style="17" customWidth="1"/>
    <col min="5" max="5" width="2.125" style="17" customWidth="1"/>
    <col min="6" max="6" width="10.625" style="17" customWidth="1"/>
    <col min="7" max="7" width="2.125" style="17" customWidth="1"/>
    <col min="8" max="8" width="12.5" style="17" customWidth="1"/>
    <col min="9" max="9" width="2.125" style="17" customWidth="1"/>
    <col min="10" max="11" width="12.625" style="17" customWidth="1"/>
    <col min="12" max="12" width="14.625" style="17" customWidth="1"/>
    <col min="13" max="13" width="0" style="17" hidden="1" customWidth="1"/>
    <col min="14" max="14" width="2.125" style="17" customWidth="1"/>
    <col min="15" max="15" width="10.625" style="17" customWidth="1"/>
    <col min="16" max="16" width="1.375" style="17" customWidth="1"/>
    <col min="17" max="17" width="11.25" style="17" customWidth="1"/>
    <col min="18" max="18" width="13.625" style="17" customWidth="1"/>
    <col min="19" max="19" width="1.875" style="17" customWidth="1"/>
    <col min="20" max="20" width="13.625" style="17" customWidth="1"/>
    <col min="21" max="21" width="11.125" style="17" customWidth="1"/>
    <col min="22" max="22" width="2.125" style="17" customWidth="1"/>
    <col min="23" max="23" width="10" style="17" customWidth="1"/>
    <col min="24" max="24" width="1.375" style="17" customWidth="1"/>
    <col min="25" max="27" width="1.25" style="17" customWidth="1"/>
    <col min="28" max="35" width="0" style="17" hidden="1" customWidth="1"/>
    <col min="36" max="36" width="1.25" style="17" customWidth="1"/>
    <col min="37" max="37" width="6.25" style="17" customWidth="1"/>
    <col min="38" max="38" width="1.25" style="17" customWidth="1"/>
    <col min="39" max="39" width="5" style="17" customWidth="1"/>
    <col min="40" max="16384" width="9" style="17"/>
  </cols>
  <sheetData>
    <row r="2" spans="1:44" s="2" customFormat="1" ht="22.5" customHeight="1">
      <c r="A2" s="231" t="s">
        <v>196</v>
      </c>
      <c r="B2" s="231"/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3"/>
      <c r="N2" s="232" t="s">
        <v>197</v>
      </c>
      <c r="O2" s="232"/>
      <c r="P2" s="232"/>
      <c r="Q2" s="232"/>
      <c r="R2" s="232"/>
      <c r="S2" s="232"/>
      <c r="T2" s="232"/>
      <c r="U2" s="232"/>
      <c r="V2" s="232"/>
      <c r="W2" s="232"/>
      <c r="X2" s="232"/>
      <c r="Y2" s="232"/>
      <c r="Z2" s="232"/>
      <c r="AA2" s="232"/>
      <c r="AB2" s="232"/>
      <c r="AC2" s="232"/>
      <c r="AD2" s="232"/>
      <c r="AE2" s="232"/>
      <c r="AF2" s="232"/>
      <c r="AG2" s="232"/>
      <c r="AH2" s="232"/>
      <c r="AI2" s="232"/>
      <c r="AJ2" s="232"/>
      <c r="AK2" s="232"/>
      <c r="AL2" s="232"/>
      <c r="AM2" s="232"/>
      <c r="AN2" s="1"/>
      <c r="AO2" s="1"/>
      <c r="AP2" s="4"/>
      <c r="AQ2" s="4"/>
      <c r="AR2" s="4"/>
    </row>
    <row r="3" spans="1:44" s="2" customFormat="1" ht="11.25" customHeight="1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6"/>
      <c r="AN3" s="5"/>
      <c r="AO3" s="5"/>
      <c r="AP3" s="7"/>
      <c r="AQ3" s="7"/>
      <c r="AR3" s="7"/>
    </row>
    <row r="4" spans="1:44" s="14" customFormat="1" ht="26.25" customHeight="1">
      <c r="A4" s="8"/>
      <c r="B4" s="9" t="s">
        <v>0</v>
      </c>
      <c r="C4" s="10"/>
      <c r="D4" s="11" t="s">
        <v>1</v>
      </c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12" t="s">
        <v>1</v>
      </c>
      <c r="AN4" s="8"/>
      <c r="AO4" s="8"/>
      <c r="AP4" s="13"/>
      <c r="AQ4" s="13"/>
      <c r="AR4" s="13"/>
    </row>
    <row r="5" spans="1:44" ht="13.5" customHeight="1">
      <c r="A5" s="233" t="s">
        <v>2</v>
      </c>
      <c r="B5" s="234"/>
      <c r="C5" s="239" t="s">
        <v>3</v>
      </c>
      <c r="D5" s="234"/>
      <c r="E5" s="239" t="s">
        <v>4</v>
      </c>
      <c r="F5" s="234"/>
      <c r="G5" s="242" t="s">
        <v>5</v>
      </c>
      <c r="H5" s="243"/>
      <c r="I5" s="243"/>
      <c r="J5" s="243"/>
      <c r="K5" s="243"/>
      <c r="L5" s="243"/>
      <c r="M5" s="243"/>
      <c r="N5" s="243"/>
      <c r="O5" s="243"/>
      <c r="P5" s="243"/>
      <c r="Q5" s="244"/>
      <c r="R5" s="239" t="s">
        <v>6</v>
      </c>
      <c r="S5" s="233" t="s">
        <v>7</v>
      </c>
      <c r="T5" s="245"/>
      <c r="U5" s="234" t="s">
        <v>41</v>
      </c>
      <c r="V5" s="239" t="s">
        <v>9</v>
      </c>
      <c r="W5" s="234"/>
      <c r="X5" s="239" t="s">
        <v>10</v>
      </c>
      <c r="Y5" s="251"/>
      <c r="Z5" s="251"/>
      <c r="AA5" s="251"/>
      <c r="AB5" s="251"/>
      <c r="AC5" s="251"/>
      <c r="AD5" s="251"/>
      <c r="AE5" s="251"/>
      <c r="AF5" s="251"/>
      <c r="AG5" s="251"/>
      <c r="AH5" s="251"/>
      <c r="AI5" s="251"/>
      <c r="AJ5" s="251"/>
      <c r="AK5" s="251"/>
      <c r="AL5" s="251"/>
      <c r="AM5" s="245"/>
      <c r="AN5" s="15"/>
      <c r="AO5" s="15"/>
      <c r="AP5" s="16"/>
      <c r="AQ5" s="16"/>
      <c r="AR5" s="16"/>
    </row>
    <row r="6" spans="1:44" ht="13.5" customHeight="1">
      <c r="A6" s="235"/>
      <c r="B6" s="236"/>
      <c r="C6" s="240"/>
      <c r="D6" s="236"/>
      <c r="E6" s="240"/>
      <c r="F6" s="236"/>
      <c r="G6" s="253" t="s">
        <v>11</v>
      </c>
      <c r="H6" s="254"/>
      <c r="I6" s="253" t="s">
        <v>12</v>
      </c>
      <c r="J6" s="254"/>
      <c r="K6" s="255" t="s">
        <v>13</v>
      </c>
      <c r="L6" s="258" t="s">
        <v>14</v>
      </c>
      <c r="M6" s="18"/>
      <c r="N6" s="261" t="s">
        <v>15</v>
      </c>
      <c r="O6" s="261"/>
      <c r="P6" s="261"/>
      <c r="Q6" s="262"/>
      <c r="R6" s="240"/>
      <c r="S6" s="235"/>
      <c r="T6" s="246"/>
      <c r="U6" s="236"/>
      <c r="V6" s="240"/>
      <c r="W6" s="236"/>
      <c r="X6" s="240"/>
      <c r="Y6" s="250"/>
      <c r="Z6" s="250"/>
      <c r="AA6" s="250"/>
      <c r="AB6" s="250"/>
      <c r="AC6" s="250"/>
      <c r="AD6" s="250"/>
      <c r="AE6" s="250"/>
      <c r="AF6" s="250"/>
      <c r="AG6" s="250"/>
      <c r="AH6" s="250"/>
      <c r="AI6" s="250"/>
      <c r="AJ6" s="250"/>
      <c r="AK6" s="250"/>
      <c r="AL6" s="250"/>
      <c r="AM6" s="246"/>
      <c r="AN6" s="15"/>
      <c r="AO6" s="15"/>
      <c r="AP6" s="16"/>
      <c r="AQ6" s="16"/>
      <c r="AR6" s="16"/>
    </row>
    <row r="7" spans="1:44" ht="4.5" customHeight="1">
      <c r="A7" s="235"/>
      <c r="B7" s="236"/>
      <c r="C7" s="240"/>
      <c r="D7" s="236"/>
      <c r="E7" s="240"/>
      <c r="F7" s="236"/>
      <c r="G7" s="240"/>
      <c r="H7" s="236"/>
      <c r="I7" s="240"/>
      <c r="J7" s="236"/>
      <c r="K7" s="256"/>
      <c r="L7" s="259"/>
      <c r="M7" s="19"/>
      <c r="N7" s="263" t="s">
        <v>16</v>
      </c>
      <c r="O7" s="254"/>
      <c r="P7" s="264" t="s">
        <v>17</v>
      </c>
      <c r="Q7" s="265"/>
      <c r="R7" s="240"/>
      <c r="S7" s="235"/>
      <c r="T7" s="246"/>
      <c r="U7" s="236"/>
      <c r="V7" s="240"/>
      <c r="W7" s="236"/>
      <c r="X7" s="240"/>
      <c r="Y7" s="250"/>
      <c r="Z7" s="250"/>
      <c r="AA7" s="250"/>
      <c r="AB7" s="250"/>
      <c r="AC7" s="250"/>
      <c r="AD7" s="250"/>
      <c r="AE7" s="250"/>
      <c r="AF7" s="250"/>
      <c r="AG7" s="250"/>
      <c r="AH7" s="250"/>
      <c r="AI7" s="250"/>
      <c r="AJ7" s="250"/>
      <c r="AK7" s="250"/>
      <c r="AL7" s="250"/>
      <c r="AM7" s="246"/>
      <c r="AN7" s="15"/>
      <c r="AO7" s="15"/>
      <c r="AP7" s="16"/>
      <c r="AQ7" s="16"/>
      <c r="AR7" s="16"/>
    </row>
    <row r="8" spans="1:44" ht="4.5" customHeight="1">
      <c r="A8" s="235"/>
      <c r="B8" s="236"/>
      <c r="C8" s="240"/>
      <c r="D8" s="236"/>
      <c r="E8" s="240"/>
      <c r="F8" s="236"/>
      <c r="G8" s="240"/>
      <c r="H8" s="236"/>
      <c r="I8" s="240"/>
      <c r="J8" s="236"/>
      <c r="K8" s="256"/>
      <c r="L8" s="259"/>
      <c r="M8" s="19"/>
      <c r="N8" s="250"/>
      <c r="O8" s="236"/>
      <c r="P8" s="266"/>
      <c r="Q8" s="267"/>
      <c r="R8" s="240"/>
      <c r="S8" s="235"/>
      <c r="T8" s="246"/>
      <c r="U8" s="236"/>
      <c r="V8" s="240"/>
      <c r="W8" s="236"/>
      <c r="X8" s="240"/>
      <c r="Y8" s="250"/>
      <c r="Z8" s="250"/>
      <c r="AA8" s="250"/>
      <c r="AB8" s="250"/>
      <c r="AC8" s="250"/>
      <c r="AD8" s="250"/>
      <c r="AE8" s="250"/>
      <c r="AF8" s="250"/>
      <c r="AG8" s="250"/>
      <c r="AH8" s="250"/>
      <c r="AI8" s="250"/>
      <c r="AJ8" s="250"/>
      <c r="AK8" s="250"/>
      <c r="AL8" s="250"/>
      <c r="AM8" s="246"/>
      <c r="AN8" s="15"/>
      <c r="AO8" s="15"/>
      <c r="AP8" s="16"/>
      <c r="AQ8" s="16"/>
      <c r="AR8" s="16"/>
    </row>
    <row r="9" spans="1:44" ht="4.5" customHeight="1">
      <c r="A9" s="237"/>
      <c r="B9" s="238"/>
      <c r="C9" s="241"/>
      <c r="D9" s="238"/>
      <c r="E9" s="241"/>
      <c r="F9" s="238"/>
      <c r="G9" s="241"/>
      <c r="H9" s="238"/>
      <c r="I9" s="241"/>
      <c r="J9" s="238"/>
      <c r="K9" s="257"/>
      <c r="L9" s="260"/>
      <c r="M9" s="21"/>
      <c r="N9" s="252"/>
      <c r="O9" s="238"/>
      <c r="P9" s="268"/>
      <c r="Q9" s="269"/>
      <c r="R9" s="241"/>
      <c r="S9" s="237"/>
      <c r="T9" s="247"/>
      <c r="U9" s="238"/>
      <c r="V9" s="241"/>
      <c r="W9" s="238"/>
      <c r="X9" s="241"/>
      <c r="Y9" s="252"/>
      <c r="Z9" s="252"/>
      <c r="AA9" s="252"/>
      <c r="AB9" s="252"/>
      <c r="AC9" s="252"/>
      <c r="AD9" s="252"/>
      <c r="AE9" s="252"/>
      <c r="AF9" s="252"/>
      <c r="AG9" s="252"/>
      <c r="AH9" s="252"/>
      <c r="AI9" s="252"/>
      <c r="AJ9" s="252"/>
      <c r="AK9" s="252"/>
      <c r="AL9" s="252"/>
      <c r="AM9" s="247"/>
      <c r="AN9" s="15"/>
      <c r="AO9" s="15"/>
      <c r="AP9" s="16"/>
      <c r="AQ9" s="16"/>
      <c r="AR9" s="16"/>
    </row>
    <row r="10" spans="1:44" s="39" customFormat="1" ht="9" customHeight="1">
      <c r="A10" s="23"/>
      <c r="B10" s="24"/>
      <c r="C10" s="25"/>
      <c r="D10" s="24"/>
      <c r="E10" s="25"/>
      <c r="F10" s="24"/>
      <c r="G10" s="26"/>
      <c r="H10" s="27" t="s">
        <v>18</v>
      </c>
      <c r="I10" s="26"/>
      <c r="J10" s="27" t="s">
        <v>18</v>
      </c>
      <c r="K10" s="28" t="s">
        <v>18</v>
      </c>
      <c r="L10" s="29" t="s">
        <v>18</v>
      </c>
      <c r="M10" s="25"/>
      <c r="N10" s="25"/>
      <c r="O10" s="30"/>
      <c r="P10" s="26"/>
      <c r="Q10" s="27" t="s">
        <v>18</v>
      </c>
      <c r="R10" s="26" t="s">
        <v>18</v>
      </c>
      <c r="S10" s="31"/>
      <c r="T10" s="32" t="s">
        <v>18</v>
      </c>
      <c r="U10" s="27" t="s">
        <v>18</v>
      </c>
      <c r="V10" s="26"/>
      <c r="W10" s="27" t="s">
        <v>18</v>
      </c>
      <c r="X10" s="33"/>
      <c r="Y10" s="33"/>
      <c r="Z10" s="33"/>
      <c r="AA10" s="33"/>
      <c r="AB10" s="34"/>
      <c r="AC10" s="34"/>
      <c r="AD10" s="34"/>
      <c r="AE10" s="34"/>
      <c r="AF10" s="34"/>
      <c r="AG10" s="34"/>
      <c r="AH10" s="34"/>
      <c r="AI10" s="34"/>
      <c r="AJ10" s="34"/>
      <c r="AK10" s="35"/>
      <c r="AL10" s="35"/>
      <c r="AM10" s="36"/>
      <c r="AN10" s="37"/>
      <c r="AO10" s="37"/>
      <c r="AP10" s="38"/>
      <c r="AQ10" s="38"/>
      <c r="AR10" s="38"/>
    </row>
    <row r="11" spans="1:44" s="59" customFormat="1" ht="9.75" customHeight="1">
      <c r="A11" s="271" t="s">
        <v>21</v>
      </c>
      <c r="B11" s="293" t="s">
        <v>198</v>
      </c>
      <c r="C11" s="43"/>
      <c r="D11" s="64"/>
      <c r="E11" s="43"/>
      <c r="F11" s="64"/>
      <c r="G11" s="52"/>
      <c r="H11" s="53"/>
      <c r="I11" s="52"/>
      <c r="J11" s="53"/>
      <c r="K11" s="54"/>
      <c r="L11" s="54"/>
      <c r="M11" s="55"/>
      <c r="N11" s="55"/>
      <c r="O11" s="56"/>
      <c r="P11" s="52"/>
      <c r="Q11" s="53"/>
      <c r="R11" s="52"/>
      <c r="S11" s="57"/>
      <c r="T11" s="58"/>
      <c r="U11" s="53"/>
      <c r="V11" s="52"/>
      <c r="W11" s="53"/>
      <c r="X11" s="60" t="s">
        <v>1</v>
      </c>
      <c r="Y11" s="60"/>
      <c r="Z11" s="60"/>
      <c r="AA11" s="60"/>
      <c r="AB11" s="61"/>
      <c r="AC11" s="61"/>
      <c r="AD11" s="61"/>
      <c r="AE11" s="61"/>
      <c r="AF11" s="61"/>
      <c r="AG11" s="61"/>
      <c r="AH11" s="61"/>
      <c r="AI11" s="61"/>
      <c r="AJ11" s="61"/>
      <c r="AK11" s="62"/>
      <c r="AL11" s="62"/>
      <c r="AM11" s="63"/>
    </row>
    <row r="12" spans="1:44" s="59" customFormat="1" ht="9.75" customHeight="1">
      <c r="A12" s="272"/>
      <c r="B12" s="222"/>
      <c r="C12" s="43"/>
      <c r="D12" s="64"/>
      <c r="E12" s="43"/>
      <c r="F12" s="64"/>
      <c r="G12" s="52"/>
      <c r="H12" s="53" t="s">
        <v>199</v>
      </c>
      <c r="I12" s="52" t="s">
        <v>23</v>
      </c>
      <c r="J12" s="53" t="s">
        <v>200</v>
      </c>
      <c r="K12" s="54" t="s">
        <v>22</v>
      </c>
      <c r="L12" s="54" t="s">
        <v>201</v>
      </c>
      <c r="M12" s="55"/>
      <c r="N12" s="55"/>
      <c r="O12" s="56"/>
      <c r="P12" s="52"/>
      <c r="Q12" s="53"/>
      <c r="R12" s="52" t="s">
        <v>202</v>
      </c>
      <c r="S12" s="57"/>
      <c r="T12" s="58" t="s">
        <v>202</v>
      </c>
      <c r="U12" s="53" t="s">
        <v>22</v>
      </c>
      <c r="V12" s="52"/>
      <c r="W12" s="53" t="s">
        <v>22</v>
      </c>
      <c r="X12" s="60"/>
      <c r="Y12" s="60"/>
      <c r="Z12" s="60"/>
      <c r="AA12" s="60"/>
      <c r="AB12" s="61"/>
      <c r="AC12" s="61"/>
      <c r="AD12" s="61"/>
      <c r="AE12" s="61"/>
      <c r="AF12" s="61"/>
      <c r="AG12" s="61"/>
      <c r="AH12" s="61"/>
      <c r="AI12" s="61"/>
      <c r="AJ12" s="61"/>
      <c r="AK12" s="62"/>
      <c r="AL12" s="62"/>
      <c r="AM12" s="63"/>
    </row>
    <row r="13" spans="1:44" s="59" customFormat="1" ht="9.75" customHeight="1">
      <c r="A13" s="272"/>
      <c r="B13" s="222"/>
      <c r="C13" s="43"/>
      <c r="D13" s="64"/>
      <c r="E13" s="43"/>
      <c r="F13" s="64"/>
      <c r="G13" s="52"/>
      <c r="H13" s="53"/>
      <c r="I13" s="52"/>
      <c r="J13" s="53"/>
      <c r="K13" s="54"/>
      <c r="L13" s="54"/>
      <c r="M13" s="55"/>
      <c r="N13" s="55"/>
      <c r="O13" s="56"/>
      <c r="P13" s="52"/>
      <c r="Q13" s="53"/>
      <c r="R13" s="52"/>
      <c r="S13" s="57"/>
      <c r="T13" s="58"/>
      <c r="U13" s="53"/>
      <c r="V13" s="52"/>
      <c r="W13" s="53"/>
      <c r="X13" s="60"/>
      <c r="Y13" s="60"/>
      <c r="Z13" s="60"/>
      <c r="AA13" s="60"/>
      <c r="AB13" s="61"/>
      <c r="AC13" s="61"/>
      <c r="AD13" s="61"/>
      <c r="AE13" s="61"/>
      <c r="AF13" s="61"/>
      <c r="AG13" s="61"/>
      <c r="AH13" s="61"/>
      <c r="AI13" s="61"/>
      <c r="AJ13" s="61"/>
      <c r="AK13" s="62"/>
      <c r="AL13" s="62"/>
      <c r="AM13" s="63"/>
    </row>
    <row r="14" spans="1:44" s="59" customFormat="1" ht="9.75" customHeight="1">
      <c r="A14" s="50"/>
      <c r="B14" s="56"/>
      <c r="C14" s="218" t="s">
        <v>21</v>
      </c>
      <c r="D14" s="221" t="s">
        <v>52</v>
      </c>
      <c r="E14" s="66"/>
      <c r="F14" s="67"/>
      <c r="G14" s="66"/>
      <c r="H14" s="69"/>
      <c r="I14" s="66"/>
      <c r="J14" s="69"/>
      <c r="K14" s="70"/>
      <c r="L14" s="70"/>
      <c r="M14" s="71"/>
      <c r="N14" s="71"/>
      <c r="O14" s="67"/>
      <c r="P14" s="66"/>
      <c r="Q14" s="69"/>
      <c r="R14" s="66"/>
      <c r="S14" s="72"/>
      <c r="T14" s="73"/>
      <c r="U14" s="69"/>
      <c r="V14" s="66"/>
      <c r="W14" s="69"/>
      <c r="X14" s="74" t="s">
        <v>1</v>
      </c>
      <c r="Y14" s="74"/>
      <c r="Z14" s="74"/>
      <c r="AA14" s="74"/>
      <c r="AB14" s="75"/>
      <c r="AC14" s="75"/>
      <c r="AD14" s="75"/>
      <c r="AE14" s="75"/>
      <c r="AF14" s="75"/>
      <c r="AG14" s="75"/>
      <c r="AH14" s="75"/>
      <c r="AI14" s="75"/>
      <c r="AJ14" s="75"/>
      <c r="AK14" s="25"/>
      <c r="AL14" s="25"/>
      <c r="AM14" s="32"/>
    </row>
    <row r="15" spans="1:44" s="59" customFormat="1" ht="9.75" customHeight="1">
      <c r="A15" s="40"/>
      <c r="B15" s="41"/>
      <c r="C15" s="219"/>
      <c r="D15" s="222"/>
      <c r="E15" s="43"/>
      <c r="F15" s="64"/>
      <c r="G15" s="43"/>
      <c r="H15" s="44" t="s">
        <v>203</v>
      </c>
      <c r="I15" s="43" t="s">
        <v>23</v>
      </c>
      <c r="J15" s="44" t="s">
        <v>200</v>
      </c>
      <c r="K15" s="45" t="s">
        <v>22</v>
      </c>
      <c r="L15" s="45" t="s">
        <v>63</v>
      </c>
      <c r="M15" s="42"/>
      <c r="N15" s="42"/>
      <c r="O15" s="64"/>
      <c r="P15" s="43"/>
      <c r="Q15" s="44"/>
      <c r="R15" s="43" t="s">
        <v>204</v>
      </c>
      <c r="S15" s="46"/>
      <c r="T15" s="47" t="s">
        <v>204</v>
      </c>
      <c r="U15" s="44" t="s">
        <v>22</v>
      </c>
      <c r="V15" s="43"/>
      <c r="W15" s="44" t="s">
        <v>22</v>
      </c>
      <c r="X15" s="33"/>
      <c r="Y15" s="33"/>
      <c r="Z15" s="33"/>
      <c r="AA15" s="33"/>
      <c r="AB15" s="34"/>
      <c r="AC15" s="34"/>
      <c r="AD15" s="34"/>
      <c r="AE15" s="34"/>
      <c r="AF15" s="34"/>
      <c r="AG15" s="34"/>
      <c r="AH15" s="34"/>
      <c r="AI15" s="34"/>
      <c r="AJ15" s="34"/>
      <c r="AK15" s="35"/>
      <c r="AL15" s="35"/>
      <c r="AM15" s="36"/>
    </row>
    <row r="16" spans="1:44" s="59" customFormat="1" ht="9.75" customHeight="1">
      <c r="A16" s="40"/>
      <c r="B16" s="41"/>
      <c r="C16" s="219"/>
      <c r="D16" s="222"/>
      <c r="E16" s="43"/>
      <c r="F16" s="64"/>
      <c r="G16" s="43"/>
      <c r="H16" s="44"/>
      <c r="I16" s="43"/>
      <c r="J16" s="44"/>
      <c r="K16" s="45"/>
      <c r="L16" s="45"/>
      <c r="M16" s="42"/>
      <c r="N16" s="42"/>
      <c r="O16" s="64"/>
      <c r="P16" s="43"/>
      <c r="Q16" s="44"/>
      <c r="R16" s="43"/>
      <c r="S16" s="46"/>
      <c r="T16" s="47"/>
      <c r="U16" s="44"/>
      <c r="V16" s="43"/>
      <c r="W16" s="44"/>
      <c r="X16" s="33"/>
      <c r="Y16" s="33"/>
      <c r="Z16" s="33"/>
      <c r="AA16" s="33"/>
      <c r="AB16" s="34"/>
      <c r="AC16" s="34"/>
      <c r="AD16" s="34"/>
      <c r="AE16" s="34"/>
      <c r="AF16" s="34"/>
      <c r="AG16" s="34"/>
      <c r="AH16" s="34"/>
      <c r="AI16" s="34"/>
      <c r="AJ16" s="34"/>
      <c r="AK16" s="35"/>
      <c r="AL16" s="35"/>
      <c r="AM16" s="36"/>
    </row>
    <row r="17" spans="1:39" s="59" customFormat="1" ht="9.75" customHeight="1">
      <c r="A17" s="40"/>
      <c r="B17" s="41"/>
      <c r="C17" s="43"/>
      <c r="D17" s="41"/>
      <c r="E17" s="218" t="s">
        <v>21</v>
      </c>
      <c r="F17" s="221" t="s">
        <v>53</v>
      </c>
      <c r="G17" s="66"/>
      <c r="H17" s="69"/>
      <c r="I17" s="66"/>
      <c r="J17" s="69"/>
      <c r="K17" s="70"/>
      <c r="L17" s="70"/>
      <c r="M17" s="71"/>
      <c r="N17" s="71"/>
      <c r="O17" s="67"/>
      <c r="P17" s="66"/>
      <c r="Q17" s="69"/>
      <c r="R17" s="66"/>
      <c r="S17" s="72"/>
      <c r="T17" s="73"/>
      <c r="U17" s="69"/>
      <c r="V17" s="66"/>
      <c r="W17" s="69"/>
      <c r="X17" s="74" t="s">
        <v>1</v>
      </c>
      <c r="Y17" s="74"/>
      <c r="Z17" s="74"/>
      <c r="AA17" s="74"/>
      <c r="AB17" s="75"/>
      <c r="AC17" s="75"/>
      <c r="AD17" s="75"/>
      <c r="AE17" s="75"/>
      <c r="AF17" s="75"/>
      <c r="AG17" s="75"/>
      <c r="AH17" s="75"/>
      <c r="AI17" s="75"/>
      <c r="AJ17" s="75"/>
      <c r="AK17" s="25"/>
      <c r="AL17" s="25"/>
      <c r="AM17" s="32"/>
    </row>
    <row r="18" spans="1:39" s="59" customFormat="1" ht="9.75" customHeight="1">
      <c r="A18" s="40"/>
      <c r="B18" s="41"/>
      <c r="C18" s="43"/>
      <c r="D18" s="41"/>
      <c r="E18" s="219"/>
      <c r="F18" s="222"/>
      <c r="G18" s="43"/>
      <c r="H18" s="44" t="s">
        <v>203</v>
      </c>
      <c r="I18" s="43" t="s">
        <v>23</v>
      </c>
      <c r="J18" s="44" t="s">
        <v>200</v>
      </c>
      <c r="K18" s="45" t="s">
        <v>22</v>
      </c>
      <c r="L18" s="45" t="s">
        <v>63</v>
      </c>
      <c r="M18" s="42"/>
      <c r="N18" s="42"/>
      <c r="O18" s="64"/>
      <c r="P18" s="43"/>
      <c r="Q18" s="44"/>
      <c r="R18" s="43" t="s">
        <v>204</v>
      </c>
      <c r="S18" s="46"/>
      <c r="T18" s="47" t="s">
        <v>204</v>
      </c>
      <c r="U18" s="44" t="s">
        <v>22</v>
      </c>
      <c r="V18" s="43"/>
      <c r="W18" s="44" t="s">
        <v>22</v>
      </c>
      <c r="X18" s="33"/>
      <c r="Y18" s="33"/>
      <c r="Z18" s="33"/>
      <c r="AA18" s="33"/>
      <c r="AB18" s="34"/>
      <c r="AC18" s="34"/>
      <c r="AD18" s="34"/>
      <c r="AE18" s="34"/>
      <c r="AF18" s="34"/>
      <c r="AG18" s="34"/>
      <c r="AH18" s="34"/>
      <c r="AI18" s="34"/>
      <c r="AJ18" s="34"/>
      <c r="AK18" s="35"/>
      <c r="AL18" s="35"/>
      <c r="AM18" s="36"/>
    </row>
    <row r="19" spans="1:39" s="59" customFormat="1" ht="9.75" customHeight="1">
      <c r="A19" s="40"/>
      <c r="B19" s="41"/>
      <c r="C19" s="43"/>
      <c r="D19" s="41"/>
      <c r="E19" s="219"/>
      <c r="F19" s="222"/>
      <c r="G19" s="43"/>
      <c r="H19" s="44"/>
      <c r="I19" s="43"/>
      <c r="J19" s="44"/>
      <c r="K19" s="45"/>
      <c r="L19" s="45"/>
      <c r="M19" s="42"/>
      <c r="N19" s="42"/>
      <c r="O19" s="64"/>
      <c r="P19" s="43"/>
      <c r="Q19" s="44"/>
      <c r="R19" s="43"/>
      <c r="S19" s="46"/>
      <c r="T19" s="47"/>
      <c r="U19" s="44"/>
      <c r="V19" s="43"/>
      <c r="W19" s="44"/>
      <c r="X19" s="33"/>
      <c r="Y19" s="33"/>
      <c r="Z19" s="33"/>
      <c r="AA19" s="33"/>
      <c r="AB19" s="34"/>
      <c r="AC19" s="34"/>
      <c r="AD19" s="34"/>
      <c r="AE19" s="34"/>
      <c r="AF19" s="34"/>
      <c r="AG19" s="34"/>
      <c r="AH19" s="34"/>
      <c r="AI19" s="34"/>
      <c r="AJ19" s="34"/>
      <c r="AK19" s="35"/>
      <c r="AL19" s="35"/>
      <c r="AM19" s="36"/>
    </row>
    <row r="20" spans="1:39" s="59" customFormat="1" ht="9.75" customHeight="1">
      <c r="A20" s="40"/>
      <c r="B20" s="41"/>
      <c r="C20" s="43"/>
      <c r="D20" s="41"/>
      <c r="E20" s="43"/>
      <c r="F20" s="41"/>
      <c r="G20" s="43"/>
      <c r="H20" s="44"/>
      <c r="I20" s="43"/>
      <c r="J20" s="44"/>
      <c r="K20" s="45"/>
      <c r="L20" s="45"/>
      <c r="M20" s="42"/>
      <c r="N20" s="227" t="s">
        <v>21</v>
      </c>
      <c r="O20" s="221" t="s">
        <v>55</v>
      </c>
      <c r="P20" s="66"/>
      <c r="Q20" s="69"/>
      <c r="R20" s="66"/>
      <c r="S20" s="72"/>
      <c r="T20" s="73"/>
      <c r="U20" s="69"/>
      <c r="V20" s="66"/>
      <c r="W20" s="69"/>
      <c r="X20" s="74" t="s">
        <v>1</v>
      </c>
      <c r="Y20" s="74"/>
      <c r="Z20" s="74"/>
      <c r="AA20" s="74"/>
      <c r="AB20" s="75"/>
      <c r="AC20" s="75"/>
      <c r="AD20" s="75"/>
      <c r="AE20" s="75"/>
      <c r="AF20" s="75"/>
      <c r="AG20" s="75"/>
      <c r="AH20" s="75"/>
      <c r="AI20" s="75"/>
      <c r="AJ20" s="75"/>
      <c r="AK20" s="25"/>
      <c r="AL20" s="25"/>
      <c r="AM20" s="32"/>
    </row>
    <row r="21" spans="1:39" s="59" customFormat="1" ht="9.75" customHeight="1">
      <c r="A21" s="40"/>
      <c r="B21" s="41"/>
      <c r="C21" s="43"/>
      <c r="D21" s="41"/>
      <c r="E21" s="43"/>
      <c r="F21" s="41"/>
      <c r="G21" s="43"/>
      <c r="H21" s="44"/>
      <c r="I21" s="43"/>
      <c r="J21" s="44"/>
      <c r="K21" s="45"/>
      <c r="L21" s="45"/>
      <c r="M21" s="42"/>
      <c r="N21" s="228"/>
      <c r="O21" s="222"/>
      <c r="P21" s="43"/>
      <c r="Q21" s="44" t="s">
        <v>63</v>
      </c>
      <c r="R21" s="43" t="s">
        <v>204</v>
      </c>
      <c r="S21" s="46"/>
      <c r="T21" s="47" t="s">
        <v>204</v>
      </c>
      <c r="U21" s="44" t="s">
        <v>22</v>
      </c>
      <c r="V21" s="43"/>
      <c r="W21" s="44" t="s">
        <v>22</v>
      </c>
      <c r="X21" s="33"/>
      <c r="Y21" s="33"/>
      <c r="Z21" s="33"/>
      <c r="AA21" s="33"/>
      <c r="AB21" s="34"/>
      <c r="AC21" s="34"/>
      <c r="AD21" s="34"/>
      <c r="AE21" s="34"/>
      <c r="AF21" s="34"/>
      <c r="AG21" s="34"/>
      <c r="AH21" s="34"/>
      <c r="AI21" s="34"/>
      <c r="AJ21" s="34"/>
      <c r="AK21" s="35"/>
      <c r="AL21" s="35"/>
      <c r="AM21" s="36"/>
    </row>
    <row r="22" spans="1:39" s="59" customFormat="1" ht="9.75" customHeight="1">
      <c r="A22" s="40"/>
      <c r="B22" s="41"/>
      <c r="C22" s="91"/>
      <c r="D22" s="90"/>
      <c r="E22" s="91"/>
      <c r="F22" s="90"/>
      <c r="G22" s="91"/>
      <c r="H22" s="92"/>
      <c r="I22" s="91"/>
      <c r="J22" s="92"/>
      <c r="K22" s="48"/>
      <c r="L22" s="48"/>
      <c r="M22" s="49"/>
      <c r="N22" s="229"/>
      <c r="O22" s="223"/>
      <c r="P22" s="91"/>
      <c r="Q22" s="92"/>
      <c r="R22" s="91"/>
      <c r="S22" s="93"/>
      <c r="T22" s="94"/>
      <c r="U22" s="92"/>
      <c r="V22" s="91"/>
      <c r="W22" s="92"/>
      <c r="X22" s="95"/>
      <c r="Y22" s="95"/>
      <c r="Z22" s="95"/>
      <c r="AA22" s="95"/>
      <c r="AB22" s="96"/>
      <c r="AC22" s="96"/>
      <c r="AD22" s="96"/>
      <c r="AE22" s="96"/>
      <c r="AF22" s="96"/>
      <c r="AG22" s="96"/>
      <c r="AH22" s="96"/>
      <c r="AI22" s="96"/>
      <c r="AJ22" s="96"/>
      <c r="AK22" s="97"/>
      <c r="AL22" s="97"/>
      <c r="AM22" s="98"/>
    </row>
    <row r="23" spans="1:39" s="59" customFormat="1" ht="9.75" customHeight="1">
      <c r="A23" s="50"/>
      <c r="B23" s="51"/>
      <c r="C23" s="218" t="s">
        <v>25</v>
      </c>
      <c r="D23" s="221" t="s">
        <v>49</v>
      </c>
      <c r="E23" s="66"/>
      <c r="F23" s="67"/>
      <c r="G23" s="66"/>
      <c r="H23" s="69"/>
      <c r="I23" s="66"/>
      <c r="J23" s="69"/>
      <c r="K23" s="70"/>
      <c r="L23" s="70"/>
      <c r="M23" s="71"/>
      <c r="N23" s="71"/>
      <c r="O23" s="68"/>
      <c r="P23" s="66"/>
      <c r="Q23" s="69"/>
      <c r="R23" s="66"/>
      <c r="S23" s="72"/>
      <c r="T23" s="73"/>
      <c r="U23" s="69"/>
      <c r="V23" s="66"/>
      <c r="W23" s="69"/>
      <c r="X23" s="74" t="s">
        <v>1</v>
      </c>
      <c r="Y23" s="74"/>
      <c r="Z23" s="74"/>
      <c r="AA23" s="74"/>
      <c r="AB23" s="75"/>
      <c r="AC23" s="75"/>
      <c r="AD23" s="75"/>
      <c r="AE23" s="75"/>
      <c r="AF23" s="75"/>
      <c r="AG23" s="75"/>
      <c r="AH23" s="75"/>
      <c r="AI23" s="75"/>
      <c r="AJ23" s="75"/>
      <c r="AK23" s="25"/>
      <c r="AL23" s="25"/>
      <c r="AM23" s="32"/>
    </row>
    <row r="24" spans="1:39" s="59" customFormat="1" ht="9.75" customHeight="1">
      <c r="A24" s="50"/>
      <c r="B24" s="51"/>
      <c r="C24" s="219"/>
      <c r="D24" s="222"/>
      <c r="E24" s="43"/>
      <c r="F24" s="64"/>
      <c r="G24" s="43"/>
      <c r="H24" s="44" t="s">
        <v>205</v>
      </c>
      <c r="I24" s="43"/>
      <c r="J24" s="44" t="s">
        <v>22</v>
      </c>
      <c r="K24" s="45" t="s">
        <v>22</v>
      </c>
      <c r="L24" s="45" t="s">
        <v>205</v>
      </c>
      <c r="M24" s="42"/>
      <c r="N24" s="42"/>
      <c r="O24" s="41"/>
      <c r="P24" s="43"/>
      <c r="Q24" s="44"/>
      <c r="R24" s="43" t="s">
        <v>22</v>
      </c>
      <c r="S24" s="46"/>
      <c r="T24" s="47" t="s">
        <v>22</v>
      </c>
      <c r="U24" s="44" t="s">
        <v>22</v>
      </c>
      <c r="V24" s="43"/>
      <c r="W24" s="44" t="s">
        <v>22</v>
      </c>
      <c r="X24" s="33"/>
      <c r="Y24" s="33"/>
      <c r="Z24" s="33"/>
      <c r="AA24" s="33"/>
      <c r="AB24" s="34"/>
      <c r="AC24" s="34"/>
      <c r="AD24" s="34"/>
      <c r="AE24" s="34"/>
      <c r="AF24" s="34"/>
      <c r="AG24" s="34"/>
      <c r="AH24" s="34"/>
      <c r="AI24" s="34"/>
      <c r="AJ24" s="34"/>
      <c r="AK24" s="35"/>
      <c r="AL24" s="35"/>
      <c r="AM24" s="36"/>
    </row>
    <row r="25" spans="1:39" s="59" customFormat="1" ht="9.75" customHeight="1">
      <c r="A25" s="50"/>
      <c r="B25" s="51"/>
      <c r="C25" s="219"/>
      <c r="D25" s="222"/>
      <c r="E25" s="43"/>
      <c r="F25" s="64"/>
      <c r="G25" s="43"/>
      <c r="H25" s="44"/>
      <c r="I25" s="43"/>
      <c r="J25" s="44"/>
      <c r="K25" s="45"/>
      <c r="L25" s="45"/>
      <c r="M25" s="42"/>
      <c r="N25" s="42"/>
      <c r="O25" s="41"/>
      <c r="P25" s="43"/>
      <c r="Q25" s="44"/>
      <c r="R25" s="43"/>
      <c r="S25" s="46"/>
      <c r="T25" s="47"/>
      <c r="U25" s="44"/>
      <c r="V25" s="43"/>
      <c r="W25" s="44"/>
      <c r="X25" s="33"/>
      <c r="Y25" s="33"/>
      <c r="Z25" s="33"/>
      <c r="AA25" s="33"/>
      <c r="AB25" s="34"/>
      <c r="AC25" s="34"/>
      <c r="AD25" s="34"/>
      <c r="AE25" s="34"/>
      <c r="AF25" s="34"/>
      <c r="AG25" s="34"/>
      <c r="AH25" s="34"/>
      <c r="AI25" s="34"/>
      <c r="AJ25" s="34"/>
      <c r="AK25" s="35"/>
      <c r="AL25" s="35"/>
      <c r="AM25" s="36"/>
    </row>
    <row r="26" spans="1:39" s="59" customFormat="1" ht="9.75" customHeight="1">
      <c r="A26" s="50"/>
      <c r="B26" s="56"/>
      <c r="C26" s="43"/>
      <c r="D26" s="64"/>
      <c r="E26" s="218" t="s">
        <v>21</v>
      </c>
      <c r="F26" s="221" t="s">
        <v>50</v>
      </c>
      <c r="G26" s="66"/>
      <c r="H26" s="69"/>
      <c r="I26" s="66"/>
      <c r="J26" s="69"/>
      <c r="K26" s="70"/>
      <c r="L26" s="70"/>
      <c r="M26" s="71"/>
      <c r="N26" s="71"/>
      <c r="O26" s="67"/>
      <c r="P26" s="66"/>
      <c r="Q26" s="69"/>
      <c r="R26" s="66"/>
      <c r="S26" s="72"/>
      <c r="T26" s="73"/>
      <c r="U26" s="69"/>
      <c r="V26" s="66"/>
      <c r="W26" s="69"/>
      <c r="X26" s="74" t="s">
        <v>1</v>
      </c>
      <c r="Y26" s="74"/>
      <c r="Z26" s="74"/>
      <c r="AA26" s="74"/>
      <c r="AB26" s="75"/>
      <c r="AC26" s="75"/>
      <c r="AD26" s="75"/>
      <c r="AE26" s="75"/>
      <c r="AF26" s="75"/>
      <c r="AG26" s="75"/>
      <c r="AH26" s="75"/>
      <c r="AI26" s="75"/>
      <c r="AJ26" s="75"/>
      <c r="AK26" s="25"/>
      <c r="AL26" s="25"/>
      <c r="AM26" s="32"/>
    </row>
    <row r="27" spans="1:39" s="59" customFormat="1" ht="9.75" customHeight="1">
      <c r="A27" s="40"/>
      <c r="B27" s="41"/>
      <c r="C27" s="43"/>
      <c r="D27" s="64"/>
      <c r="E27" s="219"/>
      <c r="F27" s="222"/>
      <c r="G27" s="43"/>
      <c r="H27" s="44" t="s">
        <v>205</v>
      </c>
      <c r="I27" s="43"/>
      <c r="J27" s="44" t="s">
        <v>22</v>
      </c>
      <c r="K27" s="45" t="s">
        <v>22</v>
      </c>
      <c r="L27" s="45" t="s">
        <v>205</v>
      </c>
      <c r="M27" s="42"/>
      <c r="N27" s="42"/>
      <c r="O27" s="64"/>
      <c r="P27" s="43"/>
      <c r="Q27" s="44"/>
      <c r="R27" s="43" t="s">
        <v>22</v>
      </c>
      <c r="S27" s="46"/>
      <c r="T27" s="47" t="s">
        <v>22</v>
      </c>
      <c r="U27" s="44" t="s">
        <v>22</v>
      </c>
      <c r="V27" s="43"/>
      <c r="W27" s="44" t="s">
        <v>22</v>
      </c>
      <c r="X27" s="33"/>
      <c r="Y27" s="33"/>
      <c r="Z27" s="33"/>
      <c r="AA27" s="33"/>
      <c r="AB27" s="34"/>
      <c r="AC27" s="34"/>
      <c r="AD27" s="34"/>
      <c r="AE27" s="34"/>
      <c r="AF27" s="34"/>
      <c r="AG27" s="34"/>
      <c r="AH27" s="34"/>
      <c r="AI27" s="34"/>
      <c r="AJ27" s="34"/>
      <c r="AK27" s="35"/>
      <c r="AL27" s="35"/>
      <c r="AM27" s="36"/>
    </row>
    <row r="28" spans="1:39" s="59" customFormat="1" ht="9.75" customHeight="1">
      <c r="A28" s="40"/>
      <c r="B28" s="41"/>
      <c r="C28" s="43"/>
      <c r="D28" s="64"/>
      <c r="E28" s="219"/>
      <c r="F28" s="222"/>
      <c r="G28" s="43"/>
      <c r="H28" s="44"/>
      <c r="I28" s="43"/>
      <c r="J28" s="44"/>
      <c r="K28" s="45"/>
      <c r="L28" s="45"/>
      <c r="M28" s="42"/>
      <c r="N28" s="42"/>
      <c r="O28" s="64"/>
      <c r="P28" s="43"/>
      <c r="Q28" s="44"/>
      <c r="R28" s="43"/>
      <c r="S28" s="46"/>
      <c r="T28" s="47"/>
      <c r="U28" s="44"/>
      <c r="V28" s="43"/>
      <c r="W28" s="44"/>
      <c r="X28" s="33"/>
      <c r="Y28" s="33"/>
      <c r="Z28" s="33"/>
      <c r="AA28" s="33"/>
      <c r="AB28" s="34"/>
      <c r="AC28" s="34"/>
      <c r="AD28" s="34"/>
      <c r="AE28" s="34"/>
      <c r="AF28" s="34"/>
      <c r="AG28" s="34"/>
      <c r="AH28" s="34"/>
      <c r="AI28" s="34"/>
      <c r="AJ28" s="34"/>
      <c r="AK28" s="35"/>
      <c r="AL28" s="35"/>
      <c r="AM28" s="36"/>
    </row>
    <row r="29" spans="1:39" s="59" customFormat="1" ht="9.75" customHeight="1">
      <c r="A29" s="40"/>
      <c r="B29" s="41"/>
      <c r="C29" s="43"/>
      <c r="D29" s="41"/>
      <c r="E29" s="43"/>
      <c r="F29" s="64"/>
      <c r="G29" s="43"/>
      <c r="H29" s="44"/>
      <c r="I29" s="43"/>
      <c r="J29" s="44"/>
      <c r="K29" s="45"/>
      <c r="L29" s="45"/>
      <c r="M29" s="42"/>
      <c r="N29" s="227" t="s">
        <v>21</v>
      </c>
      <c r="O29" s="230" t="s">
        <v>579</v>
      </c>
      <c r="P29" s="66"/>
      <c r="Q29" s="69"/>
      <c r="R29" s="66"/>
      <c r="S29" s="72"/>
      <c r="T29" s="73"/>
      <c r="U29" s="69"/>
      <c r="V29" s="66"/>
      <c r="W29" s="69"/>
      <c r="X29" s="74" t="s">
        <v>1</v>
      </c>
      <c r="Y29" s="74"/>
      <c r="Z29" s="74"/>
      <c r="AA29" s="74"/>
      <c r="AB29" s="75"/>
      <c r="AC29" s="75"/>
      <c r="AD29" s="75"/>
      <c r="AE29" s="75"/>
      <c r="AF29" s="75"/>
      <c r="AG29" s="75"/>
      <c r="AH29" s="75"/>
      <c r="AI29" s="75"/>
      <c r="AJ29" s="75"/>
      <c r="AK29" s="25"/>
      <c r="AL29" s="25"/>
      <c r="AM29" s="32"/>
    </row>
    <row r="30" spans="1:39" s="59" customFormat="1" ht="9.75" customHeight="1">
      <c r="A30" s="40"/>
      <c r="B30" s="41"/>
      <c r="C30" s="43"/>
      <c r="D30" s="41"/>
      <c r="E30" s="43"/>
      <c r="F30" s="64"/>
      <c r="G30" s="43"/>
      <c r="H30" s="44"/>
      <c r="I30" s="43"/>
      <c r="J30" s="44"/>
      <c r="K30" s="45"/>
      <c r="L30" s="45"/>
      <c r="M30" s="42"/>
      <c r="N30" s="228"/>
      <c r="O30" s="222"/>
      <c r="P30" s="43"/>
      <c r="Q30" s="44" t="s">
        <v>205</v>
      </c>
      <c r="R30" s="43" t="s">
        <v>22</v>
      </c>
      <c r="S30" s="46"/>
      <c r="T30" s="47" t="s">
        <v>22</v>
      </c>
      <c r="U30" s="44" t="s">
        <v>22</v>
      </c>
      <c r="V30" s="43"/>
      <c r="W30" s="44" t="s">
        <v>22</v>
      </c>
      <c r="X30" s="33"/>
      <c r="Y30" s="33"/>
      <c r="Z30" s="33"/>
      <c r="AA30" s="33"/>
      <c r="AB30" s="34"/>
      <c r="AC30" s="34"/>
      <c r="AD30" s="34"/>
      <c r="AE30" s="34"/>
      <c r="AF30" s="34"/>
      <c r="AG30" s="34"/>
      <c r="AH30" s="34"/>
      <c r="AI30" s="34"/>
      <c r="AJ30" s="34"/>
      <c r="AK30" s="35"/>
      <c r="AL30" s="35"/>
      <c r="AM30" s="36"/>
    </row>
    <row r="31" spans="1:39" s="59" customFormat="1" ht="9.75" customHeight="1">
      <c r="A31" s="40"/>
      <c r="B31" s="41"/>
      <c r="C31" s="91"/>
      <c r="D31" s="90"/>
      <c r="E31" s="91"/>
      <c r="F31" s="102"/>
      <c r="G31" s="91"/>
      <c r="H31" s="92"/>
      <c r="I31" s="91"/>
      <c r="J31" s="92"/>
      <c r="K31" s="48"/>
      <c r="L31" s="48"/>
      <c r="M31" s="49"/>
      <c r="N31" s="229"/>
      <c r="O31" s="223"/>
      <c r="P31" s="91"/>
      <c r="Q31" s="92"/>
      <c r="R31" s="91"/>
      <c r="S31" s="93"/>
      <c r="T31" s="94"/>
      <c r="U31" s="92"/>
      <c r="V31" s="91"/>
      <c r="W31" s="92"/>
      <c r="X31" s="95"/>
      <c r="Y31" s="95"/>
      <c r="Z31" s="95"/>
      <c r="AA31" s="95"/>
      <c r="AB31" s="96"/>
      <c r="AC31" s="96"/>
      <c r="AD31" s="96"/>
      <c r="AE31" s="96"/>
      <c r="AF31" s="96"/>
      <c r="AG31" s="96"/>
      <c r="AH31" s="96"/>
      <c r="AI31" s="96"/>
      <c r="AJ31" s="96"/>
      <c r="AK31" s="97"/>
      <c r="AL31" s="97"/>
      <c r="AM31" s="98"/>
    </row>
    <row r="32" spans="1:39" s="59" customFormat="1" ht="9.75" customHeight="1">
      <c r="A32" s="50"/>
      <c r="B32" s="51"/>
      <c r="C32" s="218" t="s">
        <v>26</v>
      </c>
      <c r="D32" s="221" t="s">
        <v>66</v>
      </c>
      <c r="E32" s="66"/>
      <c r="F32" s="67"/>
      <c r="G32" s="66"/>
      <c r="H32" s="69"/>
      <c r="I32" s="66"/>
      <c r="J32" s="69"/>
      <c r="K32" s="70"/>
      <c r="L32" s="70"/>
      <c r="M32" s="71"/>
      <c r="N32" s="71"/>
      <c r="O32" s="68"/>
      <c r="P32" s="66"/>
      <c r="Q32" s="69"/>
      <c r="R32" s="66"/>
      <c r="S32" s="72"/>
      <c r="T32" s="73"/>
      <c r="U32" s="69"/>
      <c r="V32" s="66"/>
      <c r="W32" s="69"/>
      <c r="X32" s="74" t="s">
        <v>1</v>
      </c>
      <c r="Y32" s="74"/>
      <c r="Z32" s="74"/>
      <c r="AA32" s="74"/>
      <c r="AB32" s="75"/>
      <c r="AC32" s="75"/>
      <c r="AD32" s="75"/>
      <c r="AE32" s="75"/>
      <c r="AF32" s="75"/>
      <c r="AG32" s="75"/>
      <c r="AH32" s="75"/>
      <c r="AI32" s="75"/>
      <c r="AJ32" s="75"/>
      <c r="AK32" s="25"/>
      <c r="AL32" s="25"/>
      <c r="AM32" s="32"/>
    </row>
    <row r="33" spans="1:39" s="59" customFormat="1" ht="9.75" customHeight="1">
      <c r="A33" s="50"/>
      <c r="B33" s="51"/>
      <c r="C33" s="219"/>
      <c r="D33" s="222"/>
      <c r="E33" s="43"/>
      <c r="F33" s="64"/>
      <c r="G33" s="43"/>
      <c r="H33" s="44" t="s">
        <v>206</v>
      </c>
      <c r="I33" s="43"/>
      <c r="J33" s="44" t="s">
        <v>22</v>
      </c>
      <c r="K33" s="45" t="s">
        <v>22</v>
      </c>
      <c r="L33" s="45" t="s">
        <v>206</v>
      </c>
      <c r="M33" s="42"/>
      <c r="N33" s="42"/>
      <c r="O33" s="41"/>
      <c r="P33" s="43"/>
      <c r="Q33" s="44"/>
      <c r="R33" s="43" t="s">
        <v>22</v>
      </c>
      <c r="S33" s="46"/>
      <c r="T33" s="47" t="s">
        <v>22</v>
      </c>
      <c r="U33" s="44" t="s">
        <v>22</v>
      </c>
      <c r="V33" s="43"/>
      <c r="W33" s="44" t="s">
        <v>22</v>
      </c>
      <c r="X33" s="33"/>
      <c r="Y33" s="33"/>
      <c r="Z33" s="33"/>
      <c r="AA33" s="33"/>
      <c r="AB33" s="34"/>
      <c r="AC33" s="34"/>
      <c r="AD33" s="34"/>
      <c r="AE33" s="34"/>
      <c r="AF33" s="34"/>
      <c r="AG33" s="34"/>
      <c r="AH33" s="34"/>
      <c r="AI33" s="34"/>
      <c r="AJ33" s="34"/>
      <c r="AK33" s="35"/>
      <c r="AL33" s="35"/>
      <c r="AM33" s="36"/>
    </row>
    <row r="34" spans="1:39" s="59" customFormat="1" ht="9.75" customHeight="1">
      <c r="A34" s="50"/>
      <c r="B34" s="51"/>
      <c r="C34" s="219"/>
      <c r="D34" s="222"/>
      <c r="E34" s="43"/>
      <c r="F34" s="64"/>
      <c r="G34" s="43"/>
      <c r="H34" s="44"/>
      <c r="I34" s="43"/>
      <c r="J34" s="44"/>
      <c r="K34" s="45"/>
      <c r="L34" s="45"/>
      <c r="M34" s="42"/>
      <c r="N34" s="42"/>
      <c r="O34" s="41"/>
      <c r="P34" s="43"/>
      <c r="Q34" s="44"/>
      <c r="R34" s="43"/>
      <c r="S34" s="46"/>
      <c r="T34" s="47"/>
      <c r="U34" s="44"/>
      <c r="V34" s="43"/>
      <c r="W34" s="44"/>
      <c r="X34" s="33"/>
      <c r="Y34" s="33"/>
      <c r="Z34" s="33"/>
      <c r="AA34" s="33"/>
      <c r="AB34" s="34"/>
      <c r="AC34" s="34"/>
      <c r="AD34" s="34"/>
      <c r="AE34" s="34"/>
      <c r="AF34" s="34"/>
      <c r="AG34" s="34"/>
      <c r="AH34" s="34"/>
      <c r="AI34" s="34"/>
      <c r="AJ34" s="34"/>
      <c r="AK34" s="35"/>
      <c r="AL34" s="35"/>
      <c r="AM34" s="36"/>
    </row>
    <row r="35" spans="1:39" s="59" customFormat="1" ht="9.75" customHeight="1">
      <c r="A35" s="50"/>
      <c r="B35" s="56"/>
      <c r="C35" s="43"/>
      <c r="D35" s="64"/>
      <c r="E35" s="218" t="s">
        <v>21</v>
      </c>
      <c r="F35" s="221" t="s">
        <v>78</v>
      </c>
      <c r="G35" s="66"/>
      <c r="H35" s="69"/>
      <c r="I35" s="66"/>
      <c r="J35" s="69"/>
      <c r="K35" s="70"/>
      <c r="L35" s="70"/>
      <c r="M35" s="71"/>
      <c r="N35" s="71"/>
      <c r="O35" s="67"/>
      <c r="P35" s="66"/>
      <c r="Q35" s="69"/>
      <c r="R35" s="66"/>
      <c r="S35" s="72"/>
      <c r="T35" s="73"/>
      <c r="U35" s="69"/>
      <c r="V35" s="66"/>
      <c r="W35" s="69"/>
      <c r="X35" s="74" t="s">
        <v>1</v>
      </c>
      <c r="Y35" s="74"/>
      <c r="Z35" s="74"/>
      <c r="AA35" s="74"/>
      <c r="AB35" s="75"/>
      <c r="AC35" s="75"/>
      <c r="AD35" s="75"/>
      <c r="AE35" s="75"/>
      <c r="AF35" s="75"/>
      <c r="AG35" s="75"/>
      <c r="AH35" s="75"/>
      <c r="AI35" s="75"/>
      <c r="AJ35" s="75"/>
      <c r="AK35" s="25"/>
      <c r="AL35" s="25"/>
      <c r="AM35" s="32"/>
    </row>
    <row r="36" spans="1:39" s="59" customFormat="1" ht="9.75" customHeight="1">
      <c r="A36" s="40"/>
      <c r="B36" s="41"/>
      <c r="C36" s="43"/>
      <c r="D36" s="64"/>
      <c r="E36" s="219"/>
      <c r="F36" s="222"/>
      <c r="G36" s="43"/>
      <c r="H36" s="44" t="s">
        <v>206</v>
      </c>
      <c r="I36" s="43"/>
      <c r="J36" s="44" t="s">
        <v>22</v>
      </c>
      <c r="K36" s="45" t="s">
        <v>22</v>
      </c>
      <c r="L36" s="45" t="s">
        <v>206</v>
      </c>
      <c r="M36" s="42"/>
      <c r="N36" s="42"/>
      <c r="O36" s="64"/>
      <c r="P36" s="43"/>
      <c r="Q36" s="44"/>
      <c r="R36" s="43" t="s">
        <v>22</v>
      </c>
      <c r="S36" s="46"/>
      <c r="T36" s="47" t="s">
        <v>22</v>
      </c>
      <c r="U36" s="44" t="s">
        <v>22</v>
      </c>
      <c r="V36" s="43"/>
      <c r="W36" s="44" t="s">
        <v>22</v>
      </c>
      <c r="X36" s="33"/>
      <c r="Y36" s="33"/>
      <c r="Z36" s="33"/>
      <c r="AA36" s="33"/>
      <c r="AB36" s="34"/>
      <c r="AC36" s="34"/>
      <c r="AD36" s="34"/>
      <c r="AE36" s="34"/>
      <c r="AF36" s="34"/>
      <c r="AG36" s="34"/>
      <c r="AH36" s="34"/>
      <c r="AI36" s="34"/>
      <c r="AJ36" s="34"/>
      <c r="AK36" s="35"/>
      <c r="AL36" s="35"/>
      <c r="AM36" s="36"/>
    </row>
    <row r="37" spans="1:39" s="59" customFormat="1" ht="9.75" customHeight="1">
      <c r="A37" s="40"/>
      <c r="B37" s="41"/>
      <c r="C37" s="91"/>
      <c r="D37" s="102"/>
      <c r="E37" s="220"/>
      <c r="F37" s="223"/>
      <c r="G37" s="91"/>
      <c r="H37" s="92"/>
      <c r="I37" s="91"/>
      <c r="J37" s="92"/>
      <c r="K37" s="48"/>
      <c r="L37" s="48"/>
      <c r="M37" s="49"/>
      <c r="N37" s="49"/>
      <c r="O37" s="102"/>
      <c r="P37" s="91"/>
      <c r="Q37" s="92"/>
      <c r="R37" s="91"/>
      <c r="S37" s="93"/>
      <c r="T37" s="94"/>
      <c r="U37" s="92"/>
      <c r="V37" s="91"/>
      <c r="W37" s="92"/>
      <c r="X37" s="95"/>
      <c r="Y37" s="95"/>
      <c r="Z37" s="95"/>
      <c r="AA37" s="95"/>
      <c r="AB37" s="96"/>
      <c r="AC37" s="96"/>
      <c r="AD37" s="96"/>
      <c r="AE37" s="96"/>
      <c r="AF37" s="96"/>
      <c r="AG37" s="96"/>
      <c r="AH37" s="96"/>
      <c r="AI37" s="96"/>
      <c r="AJ37" s="96"/>
      <c r="AK37" s="97"/>
      <c r="AL37" s="97"/>
      <c r="AM37" s="98"/>
    </row>
    <row r="38" spans="1:39" s="59" customFormat="1" ht="9.75" customHeight="1">
      <c r="A38" s="50"/>
      <c r="B38" s="51"/>
      <c r="C38" s="218" t="s">
        <v>31</v>
      </c>
      <c r="D38" s="221" t="s">
        <v>80</v>
      </c>
      <c r="E38" s="66"/>
      <c r="F38" s="67"/>
      <c r="G38" s="66"/>
      <c r="H38" s="69"/>
      <c r="I38" s="66"/>
      <c r="J38" s="69"/>
      <c r="K38" s="70"/>
      <c r="L38" s="70"/>
      <c r="M38" s="71"/>
      <c r="N38" s="71"/>
      <c r="O38" s="68"/>
      <c r="P38" s="66"/>
      <c r="Q38" s="69"/>
      <c r="R38" s="66"/>
      <c r="S38" s="72"/>
      <c r="T38" s="73"/>
      <c r="U38" s="69"/>
      <c r="V38" s="66"/>
      <c r="W38" s="69"/>
      <c r="X38" s="74" t="s">
        <v>1</v>
      </c>
      <c r="Y38" s="74"/>
      <c r="Z38" s="74"/>
      <c r="AA38" s="74"/>
      <c r="AB38" s="75"/>
      <c r="AC38" s="75"/>
      <c r="AD38" s="75"/>
      <c r="AE38" s="75"/>
      <c r="AF38" s="75"/>
      <c r="AG38" s="75"/>
      <c r="AH38" s="75"/>
      <c r="AI38" s="75"/>
      <c r="AJ38" s="75"/>
      <c r="AK38" s="25"/>
      <c r="AL38" s="25"/>
      <c r="AM38" s="32"/>
    </row>
    <row r="39" spans="1:39" s="59" customFormat="1" ht="9.75" customHeight="1">
      <c r="A39" s="50"/>
      <c r="B39" s="51"/>
      <c r="C39" s="219"/>
      <c r="D39" s="222"/>
      <c r="E39" s="43"/>
      <c r="F39" s="64"/>
      <c r="G39" s="43"/>
      <c r="H39" s="44" t="s">
        <v>38</v>
      </c>
      <c r="I39" s="43"/>
      <c r="J39" s="44" t="s">
        <v>22</v>
      </c>
      <c r="K39" s="45" t="s">
        <v>22</v>
      </c>
      <c r="L39" s="45" t="s">
        <v>38</v>
      </c>
      <c r="M39" s="42"/>
      <c r="N39" s="42"/>
      <c r="O39" s="41"/>
      <c r="P39" s="43"/>
      <c r="Q39" s="44"/>
      <c r="R39" s="43" t="s">
        <v>207</v>
      </c>
      <c r="S39" s="46"/>
      <c r="T39" s="47" t="s">
        <v>207</v>
      </c>
      <c r="U39" s="44" t="s">
        <v>22</v>
      </c>
      <c r="V39" s="43"/>
      <c r="W39" s="44" t="s">
        <v>22</v>
      </c>
      <c r="X39" s="33"/>
      <c r="Y39" s="33"/>
      <c r="Z39" s="33"/>
      <c r="AA39" s="33"/>
      <c r="AB39" s="34"/>
      <c r="AC39" s="34"/>
      <c r="AD39" s="34"/>
      <c r="AE39" s="34"/>
      <c r="AF39" s="34"/>
      <c r="AG39" s="34"/>
      <c r="AH39" s="34"/>
      <c r="AI39" s="34"/>
      <c r="AJ39" s="34"/>
      <c r="AK39" s="35"/>
      <c r="AL39" s="35"/>
      <c r="AM39" s="36"/>
    </row>
    <row r="40" spans="1:39" s="59" customFormat="1" ht="9.75" customHeight="1">
      <c r="A40" s="50"/>
      <c r="B40" s="51"/>
      <c r="C40" s="219"/>
      <c r="D40" s="222"/>
      <c r="E40" s="43"/>
      <c r="F40" s="64"/>
      <c r="G40" s="43"/>
      <c r="H40" s="44"/>
      <c r="I40" s="43"/>
      <c r="J40" s="44"/>
      <c r="K40" s="45"/>
      <c r="L40" s="45"/>
      <c r="M40" s="42"/>
      <c r="N40" s="42"/>
      <c r="O40" s="41"/>
      <c r="P40" s="43"/>
      <c r="Q40" s="44"/>
      <c r="R40" s="43"/>
      <c r="S40" s="46"/>
      <c r="T40" s="47"/>
      <c r="U40" s="44"/>
      <c r="V40" s="43"/>
      <c r="W40" s="44"/>
      <c r="X40" s="33"/>
      <c r="Y40" s="33"/>
      <c r="Z40" s="33"/>
      <c r="AA40" s="33"/>
      <c r="AB40" s="34"/>
      <c r="AC40" s="34"/>
      <c r="AD40" s="34"/>
      <c r="AE40" s="34"/>
      <c r="AF40" s="34"/>
      <c r="AG40" s="34"/>
      <c r="AH40" s="34"/>
      <c r="AI40" s="34"/>
      <c r="AJ40" s="34"/>
      <c r="AK40" s="35"/>
      <c r="AL40" s="35"/>
      <c r="AM40" s="36"/>
    </row>
    <row r="41" spans="1:39" s="59" customFormat="1" ht="9.75" customHeight="1">
      <c r="A41" s="50"/>
      <c r="B41" s="56"/>
      <c r="C41" s="43"/>
      <c r="D41" s="64"/>
      <c r="E41" s="218" t="s">
        <v>21</v>
      </c>
      <c r="F41" s="221" t="s">
        <v>80</v>
      </c>
      <c r="G41" s="66"/>
      <c r="H41" s="69"/>
      <c r="I41" s="66"/>
      <c r="J41" s="69"/>
      <c r="K41" s="70"/>
      <c r="L41" s="70"/>
      <c r="M41" s="71"/>
      <c r="N41" s="71"/>
      <c r="O41" s="67"/>
      <c r="P41" s="66"/>
      <c r="Q41" s="69"/>
      <c r="R41" s="66"/>
      <c r="S41" s="72"/>
      <c r="T41" s="73"/>
      <c r="U41" s="69"/>
      <c r="V41" s="66"/>
      <c r="W41" s="69"/>
      <c r="X41" s="74" t="s">
        <v>1</v>
      </c>
      <c r="Y41" s="74"/>
      <c r="Z41" s="74"/>
      <c r="AA41" s="74"/>
      <c r="AB41" s="75"/>
      <c r="AC41" s="75"/>
      <c r="AD41" s="75"/>
      <c r="AE41" s="75"/>
      <c r="AF41" s="75"/>
      <c r="AG41" s="75"/>
      <c r="AH41" s="75"/>
      <c r="AI41" s="75"/>
      <c r="AJ41" s="75"/>
      <c r="AK41" s="25"/>
      <c r="AL41" s="25"/>
      <c r="AM41" s="32"/>
    </row>
    <row r="42" spans="1:39" s="59" customFormat="1" ht="9.75" customHeight="1">
      <c r="A42" s="40"/>
      <c r="B42" s="41"/>
      <c r="C42" s="43"/>
      <c r="D42" s="64"/>
      <c r="E42" s="219"/>
      <c r="F42" s="222"/>
      <c r="G42" s="43"/>
      <c r="H42" s="44" t="s">
        <v>38</v>
      </c>
      <c r="I42" s="43"/>
      <c r="J42" s="44" t="s">
        <v>22</v>
      </c>
      <c r="K42" s="45" t="s">
        <v>22</v>
      </c>
      <c r="L42" s="45" t="s">
        <v>38</v>
      </c>
      <c r="M42" s="42"/>
      <c r="N42" s="42"/>
      <c r="O42" s="64"/>
      <c r="P42" s="43"/>
      <c r="Q42" s="44"/>
      <c r="R42" s="43" t="s">
        <v>207</v>
      </c>
      <c r="S42" s="46"/>
      <c r="T42" s="47" t="s">
        <v>207</v>
      </c>
      <c r="U42" s="44" t="s">
        <v>22</v>
      </c>
      <c r="V42" s="43"/>
      <c r="W42" s="44" t="s">
        <v>22</v>
      </c>
      <c r="X42" s="33"/>
      <c r="Y42" s="33"/>
      <c r="Z42" s="33"/>
      <c r="AA42" s="33"/>
      <c r="AB42" s="34"/>
      <c r="AC42" s="34"/>
      <c r="AD42" s="34"/>
      <c r="AE42" s="34"/>
      <c r="AF42" s="34"/>
      <c r="AG42" s="34"/>
      <c r="AH42" s="34"/>
      <c r="AI42" s="34"/>
      <c r="AJ42" s="34"/>
      <c r="AK42" s="35"/>
      <c r="AL42" s="35"/>
      <c r="AM42" s="36"/>
    </row>
    <row r="43" spans="1:39" s="59" customFormat="1" ht="9.75" customHeight="1">
      <c r="A43" s="40"/>
      <c r="B43" s="41"/>
      <c r="C43" s="91"/>
      <c r="D43" s="102"/>
      <c r="E43" s="220"/>
      <c r="F43" s="223"/>
      <c r="G43" s="91"/>
      <c r="H43" s="92"/>
      <c r="I43" s="91"/>
      <c r="J43" s="92"/>
      <c r="K43" s="48"/>
      <c r="L43" s="48"/>
      <c r="M43" s="49"/>
      <c r="N43" s="49"/>
      <c r="O43" s="102"/>
      <c r="P43" s="91"/>
      <c r="Q43" s="92"/>
      <c r="R43" s="91"/>
      <c r="S43" s="93"/>
      <c r="T43" s="94"/>
      <c r="U43" s="92"/>
      <c r="V43" s="91"/>
      <c r="W43" s="92"/>
      <c r="X43" s="95"/>
      <c r="Y43" s="95"/>
      <c r="Z43" s="95"/>
      <c r="AA43" s="95"/>
      <c r="AB43" s="96"/>
      <c r="AC43" s="96"/>
      <c r="AD43" s="96"/>
      <c r="AE43" s="96"/>
      <c r="AF43" s="96"/>
      <c r="AG43" s="96"/>
      <c r="AH43" s="96"/>
      <c r="AI43" s="96"/>
      <c r="AJ43" s="96"/>
      <c r="AK43" s="97"/>
      <c r="AL43" s="97"/>
      <c r="AM43" s="98"/>
    </row>
    <row r="44" spans="1:39" s="59" customFormat="1" ht="9.75" customHeight="1">
      <c r="A44" s="50"/>
      <c r="B44" s="51"/>
      <c r="C44" s="218" t="s">
        <v>32</v>
      </c>
      <c r="D44" s="221" t="s">
        <v>82</v>
      </c>
      <c r="E44" s="66"/>
      <c r="F44" s="67"/>
      <c r="G44" s="66"/>
      <c r="H44" s="69"/>
      <c r="I44" s="66"/>
      <c r="J44" s="69"/>
      <c r="K44" s="70"/>
      <c r="L44" s="70"/>
      <c r="M44" s="71"/>
      <c r="N44" s="71"/>
      <c r="O44" s="68"/>
      <c r="P44" s="66"/>
      <c r="Q44" s="69"/>
      <c r="R44" s="66"/>
      <c r="S44" s="72"/>
      <c r="T44" s="73"/>
      <c r="U44" s="69"/>
      <c r="V44" s="66"/>
      <c r="W44" s="69"/>
      <c r="X44" s="74" t="s">
        <v>1</v>
      </c>
      <c r="Y44" s="74"/>
      <c r="Z44" s="74"/>
      <c r="AA44" s="74"/>
      <c r="AB44" s="75"/>
      <c r="AC44" s="75"/>
      <c r="AD44" s="75"/>
      <c r="AE44" s="75"/>
      <c r="AF44" s="75"/>
      <c r="AG44" s="75"/>
      <c r="AH44" s="75"/>
      <c r="AI44" s="75"/>
      <c r="AJ44" s="75"/>
      <c r="AK44" s="25"/>
      <c r="AL44" s="25"/>
      <c r="AM44" s="32"/>
    </row>
    <row r="45" spans="1:39" s="59" customFormat="1" ht="9.75" customHeight="1">
      <c r="A45" s="50"/>
      <c r="B45" s="51"/>
      <c r="C45" s="219"/>
      <c r="D45" s="222"/>
      <c r="E45" s="43"/>
      <c r="F45" s="64"/>
      <c r="G45" s="43"/>
      <c r="H45" s="44" t="s">
        <v>208</v>
      </c>
      <c r="I45" s="43"/>
      <c r="J45" s="44" t="s">
        <v>22</v>
      </c>
      <c r="K45" s="45" t="s">
        <v>22</v>
      </c>
      <c r="L45" s="45" t="s">
        <v>208</v>
      </c>
      <c r="M45" s="42"/>
      <c r="N45" s="42"/>
      <c r="O45" s="41"/>
      <c r="P45" s="43"/>
      <c r="Q45" s="44"/>
      <c r="R45" s="43" t="s">
        <v>209</v>
      </c>
      <c r="S45" s="46"/>
      <c r="T45" s="47" t="s">
        <v>209</v>
      </c>
      <c r="U45" s="44" t="s">
        <v>22</v>
      </c>
      <c r="V45" s="43"/>
      <c r="W45" s="44" t="s">
        <v>22</v>
      </c>
      <c r="X45" s="33"/>
      <c r="Y45" s="33"/>
      <c r="Z45" s="33"/>
      <c r="AA45" s="33"/>
      <c r="AB45" s="34"/>
      <c r="AC45" s="34"/>
      <c r="AD45" s="34"/>
      <c r="AE45" s="34"/>
      <c r="AF45" s="34"/>
      <c r="AG45" s="34"/>
      <c r="AH45" s="34"/>
      <c r="AI45" s="34"/>
      <c r="AJ45" s="34"/>
      <c r="AK45" s="35"/>
      <c r="AL45" s="35"/>
      <c r="AM45" s="36"/>
    </row>
    <row r="46" spans="1:39" s="59" customFormat="1" ht="9.75" customHeight="1">
      <c r="A46" s="50"/>
      <c r="B46" s="51"/>
      <c r="C46" s="219"/>
      <c r="D46" s="222"/>
      <c r="E46" s="43"/>
      <c r="F46" s="64"/>
      <c r="G46" s="43"/>
      <c r="H46" s="44"/>
      <c r="I46" s="43"/>
      <c r="J46" s="44"/>
      <c r="K46" s="45"/>
      <c r="L46" s="45"/>
      <c r="M46" s="42"/>
      <c r="N46" s="42"/>
      <c r="O46" s="41"/>
      <c r="P46" s="43"/>
      <c r="Q46" s="44"/>
      <c r="R46" s="43"/>
      <c r="S46" s="46"/>
      <c r="T46" s="47"/>
      <c r="U46" s="44"/>
      <c r="V46" s="43"/>
      <c r="W46" s="44"/>
      <c r="X46" s="33"/>
      <c r="Y46" s="33"/>
      <c r="Z46" s="33"/>
      <c r="AA46" s="33"/>
      <c r="AB46" s="34"/>
      <c r="AC46" s="34"/>
      <c r="AD46" s="34"/>
      <c r="AE46" s="34"/>
      <c r="AF46" s="34"/>
      <c r="AG46" s="34"/>
      <c r="AH46" s="34"/>
      <c r="AI46" s="34"/>
      <c r="AJ46" s="34"/>
      <c r="AK46" s="35"/>
      <c r="AL46" s="35"/>
      <c r="AM46" s="36"/>
    </row>
    <row r="47" spans="1:39" s="59" customFormat="1" ht="9.75" customHeight="1">
      <c r="A47" s="50"/>
      <c r="B47" s="56"/>
      <c r="C47" s="43"/>
      <c r="D47" s="64"/>
      <c r="E47" s="218" t="s">
        <v>21</v>
      </c>
      <c r="F47" s="221" t="s">
        <v>83</v>
      </c>
      <c r="G47" s="66"/>
      <c r="H47" s="69"/>
      <c r="I47" s="66"/>
      <c r="J47" s="69"/>
      <c r="K47" s="70"/>
      <c r="L47" s="70"/>
      <c r="M47" s="71"/>
      <c r="N47" s="71"/>
      <c r="O47" s="67"/>
      <c r="P47" s="66"/>
      <c r="Q47" s="69"/>
      <c r="R47" s="66"/>
      <c r="S47" s="72"/>
      <c r="T47" s="73"/>
      <c r="U47" s="69"/>
      <c r="V47" s="66"/>
      <c r="W47" s="69"/>
      <c r="X47" s="74" t="s">
        <v>1</v>
      </c>
      <c r="Y47" s="74"/>
      <c r="Z47" s="74"/>
      <c r="AA47" s="74"/>
      <c r="AB47" s="75"/>
      <c r="AC47" s="75"/>
      <c r="AD47" s="75"/>
      <c r="AE47" s="75"/>
      <c r="AF47" s="75"/>
      <c r="AG47" s="75"/>
      <c r="AH47" s="75"/>
      <c r="AI47" s="75"/>
      <c r="AJ47" s="75"/>
      <c r="AK47" s="25"/>
      <c r="AL47" s="25"/>
      <c r="AM47" s="32"/>
    </row>
    <row r="48" spans="1:39" s="59" customFormat="1" ht="9.75" customHeight="1">
      <c r="A48" s="40"/>
      <c r="B48" s="41"/>
      <c r="C48" s="43"/>
      <c r="D48" s="64"/>
      <c r="E48" s="219"/>
      <c r="F48" s="222"/>
      <c r="G48" s="43"/>
      <c r="H48" s="44" t="s">
        <v>38</v>
      </c>
      <c r="I48" s="43"/>
      <c r="J48" s="44" t="s">
        <v>22</v>
      </c>
      <c r="K48" s="45" t="s">
        <v>22</v>
      </c>
      <c r="L48" s="45" t="s">
        <v>38</v>
      </c>
      <c r="M48" s="42"/>
      <c r="N48" s="42"/>
      <c r="O48" s="64"/>
      <c r="P48" s="43"/>
      <c r="Q48" s="44"/>
      <c r="R48" s="43" t="s">
        <v>209</v>
      </c>
      <c r="S48" s="46"/>
      <c r="T48" s="47" t="s">
        <v>209</v>
      </c>
      <c r="U48" s="44" t="s">
        <v>22</v>
      </c>
      <c r="V48" s="43"/>
      <c r="W48" s="44" t="s">
        <v>22</v>
      </c>
      <c r="X48" s="33"/>
      <c r="Y48" s="33"/>
      <c r="Z48" s="33"/>
      <c r="AA48" s="33"/>
      <c r="AB48" s="34"/>
      <c r="AC48" s="34"/>
      <c r="AD48" s="34"/>
      <c r="AE48" s="34"/>
      <c r="AF48" s="34"/>
      <c r="AG48" s="34"/>
      <c r="AH48" s="34"/>
      <c r="AI48" s="34"/>
      <c r="AJ48" s="34"/>
      <c r="AK48" s="35"/>
      <c r="AL48" s="35"/>
      <c r="AM48" s="36"/>
    </row>
    <row r="49" spans="1:39" s="59" customFormat="1" ht="9.75" customHeight="1">
      <c r="A49" s="40"/>
      <c r="B49" s="41"/>
      <c r="C49" s="43"/>
      <c r="D49" s="64"/>
      <c r="E49" s="220"/>
      <c r="F49" s="223"/>
      <c r="G49" s="43"/>
      <c r="H49" s="44"/>
      <c r="I49" s="43"/>
      <c r="J49" s="44"/>
      <c r="K49" s="45"/>
      <c r="L49" s="45"/>
      <c r="M49" s="42"/>
      <c r="N49" s="42"/>
      <c r="O49" s="64"/>
      <c r="P49" s="43"/>
      <c r="Q49" s="44"/>
      <c r="R49" s="43"/>
      <c r="S49" s="46"/>
      <c r="T49" s="47"/>
      <c r="U49" s="44"/>
      <c r="V49" s="43"/>
      <c r="W49" s="44"/>
      <c r="X49" s="33"/>
      <c r="Y49" s="33"/>
      <c r="Z49" s="33"/>
      <c r="AA49" s="33"/>
      <c r="AB49" s="34"/>
      <c r="AC49" s="34"/>
      <c r="AD49" s="34"/>
      <c r="AE49" s="34"/>
      <c r="AF49" s="34"/>
      <c r="AG49" s="34"/>
      <c r="AH49" s="34"/>
      <c r="AI49" s="34"/>
      <c r="AJ49" s="34"/>
      <c r="AK49" s="35"/>
      <c r="AL49" s="35"/>
      <c r="AM49" s="36"/>
    </row>
    <row r="50" spans="1:39" s="59" customFormat="1" ht="9.75" customHeight="1">
      <c r="A50" s="50"/>
      <c r="B50" s="51"/>
      <c r="C50" s="43"/>
      <c r="D50" s="64"/>
      <c r="E50" s="218" t="s">
        <v>25</v>
      </c>
      <c r="F50" s="221" t="s">
        <v>99</v>
      </c>
      <c r="G50" s="66"/>
      <c r="H50" s="69"/>
      <c r="I50" s="66"/>
      <c r="J50" s="69"/>
      <c r="K50" s="70"/>
      <c r="L50" s="70"/>
      <c r="M50" s="71"/>
      <c r="N50" s="71"/>
      <c r="O50" s="68"/>
      <c r="P50" s="66"/>
      <c r="Q50" s="69"/>
      <c r="R50" s="66"/>
      <c r="S50" s="72"/>
      <c r="T50" s="73"/>
      <c r="U50" s="69"/>
      <c r="V50" s="66"/>
      <c r="W50" s="69"/>
      <c r="X50" s="74" t="s">
        <v>1</v>
      </c>
      <c r="Y50" s="74"/>
      <c r="Z50" s="74"/>
      <c r="AA50" s="74"/>
      <c r="AB50" s="75"/>
      <c r="AC50" s="75"/>
      <c r="AD50" s="75"/>
      <c r="AE50" s="75"/>
      <c r="AF50" s="75"/>
      <c r="AG50" s="75"/>
      <c r="AH50" s="75"/>
      <c r="AI50" s="75"/>
      <c r="AJ50" s="75"/>
      <c r="AK50" s="25"/>
      <c r="AL50" s="25"/>
      <c r="AM50" s="32"/>
    </row>
    <row r="51" spans="1:39" s="59" customFormat="1" ht="9.75" customHeight="1">
      <c r="A51" s="50"/>
      <c r="B51" s="51"/>
      <c r="C51" s="43"/>
      <c r="D51" s="64"/>
      <c r="E51" s="219"/>
      <c r="F51" s="222"/>
      <c r="G51" s="43"/>
      <c r="H51" s="44" t="s">
        <v>38</v>
      </c>
      <c r="I51" s="43"/>
      <c r="J51" s="44" t="s">
        <v>22</v>
      </c>
      <c r="K51" s="45" t="s">
        <v>22</v>
      </c>
      <c r="L51" s="45" t="s">
        <v>38</v>
      </c>
      <c r="M51" s="42"/>
      <c r="N51" s="42"/>
      <c r="O51" s="41"/>
      <c r="P51" s="43"/>
      <c r="Q51" s="44"/>
      <c r="R51" s="43" t="s">
        <v>22</v>
      </c>
      <c r="S51" s="46"/>
      <c r="T51" s="47" t="s">
        <v>22</v>
      </c>
      <c r="U51" s="44" t="s">
        <v>22</v>
      </c>
      <c r="V51" s="43"/>
      <c r="W51" s="44" t="s">
        <v>22</v>
      </c>
      <c r="X51" s="33"/>
      <c r="Y51" s="33"/>
      <c r="Z51" s="33"/>
      <c r="AA51" s="33"/>
      <c r="AB51" s="34"/>
      <c r="AC51" s="34"/>
      <c r="AD51" s="34"/>
      <c r="AE51" s="34"/>
      <c r="AF51" s="34"/>
      <c r="AG51" s="34"/>
      <c r="AH51" s="34"/>
      <c r="AI51" s="34"/>
      <c r="AJ51" s="34"/>
      <c r="AK51" s="35"/>
      <c r="AL51" s="35"/>
      <c r="AM51" s="36"/>
    </row>
    <row r="52" spans="1:39" s="59" customFormat="1" ht="9.75" customHeight="1">
      <c r="A52" s="100"/>
      <c r="B52" s="114"/>
      <c r="C52" s="91"/>
      <c r="D52" s="102"/>
      <c r="E52" s="220"/>
      <c r="F52" s="223"/>
      <c r="G52" s="91"/>
      <c r="H52" s="92"/>
      <c r="I52" s="91"/>
      <c r="J52" s="92"/>
      <c r="K52" s="48"/>
      <c r="L52" s="48"/>
      <c r="M52" s="49"/>
      <c r="N52" s="49"/>
      <c r="O52" s="90"/>
      <c r="P52" s="91"/>
      <c r="Q52" s="92"/>
      <c r="R52" s="91"/>
      <c r="S52" s="93"/>
      <c r="T52" s="94"/>
      <c r="U52" s="92"/>
      <c r="V52" s="91"/>
      <c r="W52" s="92"/>
      <c r="X52" s="95"/>
      <c r="Y52" s="95"/>
      <c r="Z52" s="95"/>
      <c r="AA52" s="95"/>
      <c r="AB52" s="96"/>
      <c r="AC52" s="96"/>
      <c r="AD52" s="96"/>
      <c r="AE52" s="96"/>
      <c r="AF52" s="96"/>
      <c r="AG52" s="96"/>
      <c r="AH52" s="96"/>
      <c r="AI52" s="96"/>
      <c r="AJ52" s="96"/>
      <c r="AK52" s="97"/>
      <c r="AL52" s="97"/>
      <c r="AM52" s="98"/>
    </row>
    <row r="53" spans="1:39" s="59" customFormat="1" ht="9.75" customHeight="1">
      <c r="A53" s="76"/>
      <c r="B53" s="115"/>
      <c r="C53" s="115"/>
      <c r="D53" s="115"/>
      <c r="E53" s="115"/>
      <c r="F53" s="115"/>
      <c r="G53" s="103"/>
      <c r="H53" s="104"/>
      <c r="I53" s="103"/>
      <c r="J53" s="104"/>
      <c r="K53" s="105"/>
      <c r="L53" s="105"/>
      <c r="M53" s="106"/>
      <c r="N53" s="106"/>
      <c r="O53" s="65"/>
      <c r="P53" s="103"/>
      <c r="Q53" s="104"/>
      <c r="R53" s="103"/>
      <c r="S53" s="107"/>
      <c r="T53" s="108"/>
      <c r="U53" s="104"/>
      <c r="V53" s="103"/>
      <c r="W53" s="104"/>
      <c r="X53" s="109" t="s">
        <v>1</v>
      </c>
      <c r="Y53" s="109"/>
      <c r="Z53" s="109"/>
      <c r="AA53" s="109"/>
      <c r="AB53" s="110"/>
      <c r="AC53" s="110"/>
      <c r="AD53" s="110"/>
      <c r="AE53" s="110"/>
      <c r="AF53" s="110"/>
      <c r="AG53" s="110"/>
      <c r="AH53" s="110"/>
      <c r="AI53" s="110"/>
      <c r="AJ53" s="110"/>
      <c r="AK53" s="111"/>
      <c r="AL53" s="111"/>
      <c r="AM53" s="112"/>
    </row>
    <row r="54" spans="1:39" s="59" customFormat="1" ht="9.75" customHeight="1">
      <c r="A54" s="248" t="s">
        <v>19</v>
      </c>
      <c r="B54" s="249"/>
      <c r="C54" s="250"/>
      <c r="D54" s="250"/>
      <c r="E54" s="250"/>
      <c r="F54" s="236"/>
      <c r="G54" s="52"/>
      <c r="H54" s="53" t="s">
        <v>199</v>
      </c>
      <c r="I54" s="52" t="s">
        <v>23</v>
      </c>
      <c r="J54" s="53" t="s">
        <v>200</v>
      </c>
      <c r="K54" s="54" t="s">
        <v>22</v>
      </c>
      <c r="L54" s="54" t="s">
        <v>201</v>
      </c>
      <c r="M54" s="55"/>
      <c r="N54" s="55"/>
      <c r="O54" s="56"/>
      <c r="P54" s="52"/>
      <c r="Q54" s="53"/>
      <c r="R54" s="52" t="s">
        <v>202</v>
      </c>
      <c r="S54" s="57"/>
      <c r="T54" s="58" t="s">
        <v>202</v>
      </c>
      <c r="U54" s="53" t="s">
        <v>22</v>
      </c>
      <c r="V54" s="52"/>
      <c r="W54" s="53" t="s">
        <v>22</v>
      </c>
      <c r="X54" s="60"/>
      <c r="Y54" s="60"/>
      <c r="Z54" s="60"/>
      <c r="AA54" s="60"/>
      <c r="AB54" s="61"/>
      <c r="AC54" s="61"/>
      <c r="AD54" s="61"/>
      <c r="AE54" s="61"/>
      <c r="AF54" s="61"/>
      <c r="AG54" s="61"/>
      <c r="AH54" s="61"/>
      <c r="AI54" s="61"/>
      <c r="AJ54" s="61"/>
      <c r="AK54" s="62"/>
      <c r="AL54" s="62"/>
      <c r="AM54" s="63"/>
    </row>
    <row r="55" spans="1:39" s="59" customFormat="1" ht="9.75" customHeight="1">
      <c r="A55" s="77"/>
      <c r="B55" s="116"/>
      <c r="C55" s="116"/>
      <c r="D55" s="116"/>
      <c r="E55" s="116"/>
      <c r="F55" s="116"/>
      <c r="G55" s="79"/>
      <c r="H55" s="80"/>
      <c r="I55" s="79"/>
      <c r="J55" s="80"/>
      <c r="K55" s="81"/>
      <c r="L55" s="81"/>
      <c r="M55" s="82"/>
      <c r="N55" s="82"/>
      <c r="O55" s="78"/>
      <c r="P55" s="79"/>
      <c r="Q55" s="80"/>
      <c r="R55" s="79"/>
      <c r="S55" s="83"/>
      <c r="T55" s="84"/>
      <c r="U55" s="80"/>
      <c r="V55" s="79"/>
      <c r="W55" s="80"/>
      <c r="X55" s="117"/>
      <c r="Y55" s="117"/>
      <c r="Z55" s="117"/>
      <c r="AA55" s="117"/>
      <c r="AB55" s="118"/>
      <c r="AC55" s="118"/>
      <c r="AD55" s="118"/>
      <c r="AE55" s="118"/>
      <c r="AF55" s="118"/>
      <c r="AG55" s="118"/>
      <c r="AH55" s="118"/>
      <c r="AI55" s="118"/>
      <c r="AJ55" s="118"/>
      <c r="AK55" s="119"/>
      <c r="AL55" s="119"/>
      <c r="AM55" s="120"/>
    </row>
    <row r="56" spans="1:39" ht="9.75" customHeight="1">
      <c r="A56" s="134"/>
      <c r="B56" s="135"/>
      <c r="C56" s="135"/>
      <c r="D56" s="135"/>
      <c r="E56" s="135"/>
      <c r="F56" s="135"/>
      <c r="G56" s="135"/>
      <c r="H56" s="135"/>
      <c r="I56" s="135"/>
      <c r="J56" s="135"/>
      <c r="K56" s="135"/>
      <c r="L56" s="135"/>
      <c r="M56" s="135"/>
      <c r="N56" s="135"/>
      <c r="O56" s="135"/>
      <c r="P56" s="135"/>
      <c r="Q56" s="135"/>
      <c r="R56" s="135"/>
      <c r="S56" s="135"/>
      <c r="T56" s="135"/>
      <c r="U56" s="135"/>
      <c r="V56" s="135"/>
      <c r="W56" s="135"/>
      <c r="X56" s="136"/>
      <c r="Y56" s="136"/>
      <c r="Z56" s="136"/>
      <c r="AA56" s="136"/>
      <c r="AB56" s="136"/>
      <c r="AC56" s="136"/>
      <c r="AD56" s="136"/>
      <c r="AE56" s="136"/>
      <c r="AF56" s="136"/>
      <c r="AG56" s="136"/>
      <c r="AH56" s="136"/>
      <c r="AI56" s="136"/>
      <c r="AJ56" s="136"/>
      <c r="AK56" s="136"/>
      <c r="AL56" s="136"/>
      <c r="AM56" s="137"/>
    </row>
    <row r="57" spans="1:39" ht="9.75" customHeight="1">
      <c r="A57" s="138"/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40"/>
    </row>
    <row r="58" spans="1:39" ht="9.75" customHeight="1">
      <c r="A58" s="138"/>
      <c r="B58" s="139"/>
      <c r="C58" s="139"/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40"/>
    </row>
    <row r="59" spans="1:39" ht="9.75" customHeight="1">
      <c r="A59" s="138"/>
      <c r="B59" s="139"/>
      <c r="C59" s="139"/>
      <c r="D59" s="139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  <c r="S59" s="139"/>
      <c r="T59" s="139"/>
      <c r="U59" s="139"/>
      <c r="V59" s="139"/>
      <c r="W59" s="139"/>
      <c r="X59" s="139"/>
      <c r="Y59" s="139"/>
      <c r="Z59" s="139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40"/>
    </row>
    <row r="60" spans="1:39" ht="9.75" customHeight="1">
      <c r="A60" s="138"/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  <c r="R60" s="139"/>
      <c r="S60" s="139"/>
      <c r="T60" s="139"/>
      <c r="U60" s="139"/>
      <c r="V60" s="139"/>
      <c r="W60" s="139"/>
      <c r="X60" s="139"/>
      <c r="Y60" s="139"/>
      <c r="Z60" s="139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40"/>
    </row>
    <row r="61" spans="1:39" ht="9.75" customHeight="1">
      <c r="A61" s="138"/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  <c r="S61" s="139"/>
      <c r="T61" s="139"/>
      <c r="U61" s="139"/>
      <c r="V61" s="139"/>
      <c r="W61" s="139"/>
      <c r="X61" s="139"/>
      <c r="Y61" s="139"/>
      <c r="Z61" s="139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40"/>
    </row>
    <row r="62" spans="1:39" ht="9.75" customHeight="1">
      <c r="A62" s="138"/>
      <c r="B62" s="139"/>
      <c r="C62" s="139"/>
      <c r="D62" s="139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  <c r="S62" s="139"/>
      <c r="T62" s="139"/>
      <c r="U62" s="139"/>
      <c r="V62" s="139"/>
      <c r="W62" s="139"/>
      <c r="X62" s="139"/>
      <c r="Y62" s="139"/>
      <c r="Z62" s="139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40"/>
    </row>
    <row r="63" spans="1:39" ht="9.75" customHeight="1">
      <c r="A63" s="138"/>
      <c r="B63" s="139"/>
      <c r="C63" s="139"/>
      <c r="D63" s="139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  <c r="S63" s="139"/>
      <c r="T63" s="139"/>
      <c r="U63" s="139"/>
      <c r="V63" s="139"/>
      <c r="W63" s="139"/>
      <c r="X63" s="139"/>
      <c r="Y63" s="139"/>
      <c r="Z63" s="139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40"/>
    </row>
    <row r="64" spans="1:39" ht="9.75" customHeight="1">
      <c r="A64" s="138"/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  <c r="S64" s="139"/>
      <c r="T64" s="139"/>
      <c r="U64" s="139"/>
      <c r="V64" s="139"/>
      <c r="W64" s="139"/>
      <c r="X64" s="139"/>
      <c r="Y64" s="139"/>
      <c r="Z64" s="139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40"/>
    </row>
    <row r="65" spans="1:39" ht="9.75" customHeight="1">
      <c r="A65" s="138"/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  <c r="S65" s="139"/>
      <c r="T65" s="139"/>
      <c r="U65" s="139"/>
      <c r="V65" s="139"/>
      <c r="W65" s="139"/>
      <c r="X65" s="139"/>
      <c r="Y65" s="139"/>
      <c r="Z65" s="139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40"/>
    </row>
    <row r="66" spans="1:39" ht="9.75" customHeight="1">
      <c r="A66" s="138"/>
      <c r="B66" s="139"/>
      <c r="C66" s="139"/>
      <c r="D66" s="139"/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  <c r="S66" s="139"/>
      <c r="T66" s="139"/>
      <c r="U66" s="139"/>
      <c r="V66" s="139"/>
      <c r="W66" s="139"/>
      <c r="X66" s="139"/>
      <c r="Y66" s="139"/>
      <c r="Z66" s="139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40"/>
    </row>
    <row r="67" spans="1:39" ht="9.75" customHeight="1">
      <c r="A67" s="138"/>
      <c r="B67" s="139"/>
      <c r="C67" s="139"/>
      <c r="D67" s="139"/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  <c r="S67" s="139"/>
      <c r="T67" s="139"/>
      <c r="U67" s="139"/>
      <c r="V67" s="139"/>
      <c r="W67" s="139"/>
      <c r="X67" s="139"/>
      <c r="Y67" s="139"/>
      <c r="Z67" s="139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40"/>
    </row>
    <row r="68" spans="1:39" ht="9.75" customHeight="1">
      <c r="A68" s="138"/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  <c r="S68" s="139"/>
      <c r="T68" s="139"/>
      <c r="U68" s="139"/>
      <c r="V68" s="139"/>
      <c r="W68" s="139"/>
      <c r="X68" s="139"/>
      <c r="Y68" s="139"/>
      <c r="Z68" s="139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40"/>
    </row>
    <row r="69" spans="1:39" ht="9.75" customHeight="1">
      <c r="A69" s="138"/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  <c r="S69" s="139"/>
      <c r="T69" s="139"/>
      <c r="U69" s="139"/>
      <c r="V69" s="139"/>
      <c r="W69" s="139"/>
      <c r="X69" s="139"/>
      <c r="Y69" s="139"/>
      <c r="Z69" s="139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40"/>
    </row>
    <row r="70" spans="1:39" ht="9.75" customHeight="1">
      <c r="A70" s="138"/>
      <c r="B70" s="139"/>
      <c r="C70" s="139"/>
      <c r="D70" s="139"/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  <c r="S70" s="139"/>
      <c r="T70" s="139"/>
      <c r="U70" s="139"/>
      <c r="V70" s="139"/>
      <c r="W70" s="139"/>
      <c r="X70" s="139"/>
      <c r="Y70" s="139"/>
      <c r="Z70" s="139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40"/>
    </row>
    <row r="71" spans="1:39" ht="9.75" customHeight="1">
      <c r="A71" s="138"/>
      <c r="B71" s="139"/>
      <c r="C71" s="139"/>
      <c r="D71" s="139"/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  <c r="S71" s="139"/>
      <c r="T71" s="139"/>
      <c r="U71" s="139"/>
      <c r="V71" s="139"/>
      <c r="W71" s="139"/>
      <c r="X71" s="139"/>
      <c r="Y71" s="139"/>
      <c r="Z71" s="139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40"/>
    </row>
    <row r="72" spans="1:39" ht="9.75" customHeight="1">
      <c r="A72" s="138"/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  <c r="S72" s="139"/>
      <c r="T72" s="139"/>
      <c r="U72" s="139"/>
      <c r="V72" s="139"/>
      <c r="W72" s="139"/>
      <c r="X72" s="139"/>
      <c r="Y72" s="139"/>
      <c r="Z72" s="139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40"/>
    </row>
    <row r="73" spans="1:39" ht="9.75" customHeight="1">
      <c r="A73" s="138"/>
      <c r="B73" s="139"/>
      <c r="C73" s="139"/>
      <c r="D73" s="139"/>
      <c r="E73" s="139"/>
      <c r="F73" s="139"/>
      <c r="G73" s="139"/>
      <c r="H73" s="139"/>
      <c r="I73" s="139"/>
      <c r="J73" s="139"/>
      <c r="K73" s="139"/>
      <c r="L73" s="139"/>
      <c r="M73" s="139"/>
      <c r="N73" s="139"/>
      <c r="O73" s="139"/>
      <c r="P73" s="139"/>
      <c r="Q73" s="139"/>
      <c r="R73" s="139"/>
      <c r="S73" s="139"/>
      <c r="T73" s="139"/>
      <c r="U73" s="139"/>
      <c r="V73" s="139"/>
      <c r="W73" s="139"/>
      <c r="X73" s="139"/>
      <c r="Y73" s="139"/>
      <c r="Z73" s="139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40"/>
    </row>
    <row r="74" spans="1:39" ht="9.75" customHeight="1">
      <c r="A74" s="138"/>
      <c r="B74" s="139"/>
      <c r="C74" s="139"/>
      <c r="D74" s="139"/>
      <c r="E74" s="139"/>
      <c r="F74" s="139"/>
      <c r="G74" s="139"/>
      <c r="H74" s="139"/>
      <c r="I74" s="139"/>
      <c r="J74" s="139"/>
      <c r="K74" s="139"/>
      <c r="L74" s="139"/>
      <c r="M74" s="139"/>
      <c r="N74" s="139"/>
      <c r="O74" s="139"/>
      <c r="P74" s="139"/>
      <c r="Q74" s="139"/>
      <c r="R74" s="139"/>
      <c r="S74" s="139"/>
      <c r="T74" s="139"/>
      <c r="U74" s="139"/>
      <c r="V74" s="139"/>
      <c r="W74" s="139"/>
      <c r="X74" s="139"/>
      <c r="Y74" s="139"/>
      <c r="Z74" s="139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40"/>
    </row>
    <row r="75" spans="1:39" ht="9.75" customHeight="1">
      <c r="A75" s="138"/>
      <c r="B75" s="139"/>
      <c r="C75" s="139"/>
      <c r="D75" s="139"/>
      <c r="E75" s="139"/>
      <c r="F75" s="139"/>
      <c r="G75" s="139"/>
      <c r="H75" s="139"/>
      <c r="I75" s="139"/>
      <c r="J75" s="139"/>
      <c r="K75" s="139"/>
      <c r="L75" s="139"/>
      <c r="M75" s="139"/>
      <c r="N75" s="139"/>
      <c r="O75" s="139"/>
      <c r="P75" s="139"/>
      <c r="Q75" s="139"/>
      <c r="R75" s="139"/>
      <c r="S75" s="139"/>
      <c r="T75" s="139"/>
      <c r="U75" s="139"/>
      <c r="V75" s="139"/>
      <c r="W75" s="139"/>
      <c r="X75" s="139"/>
      <c r="Y75" s="139"/>
      <c r="Z75" s="139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40"/>
    </row>
    <row r="76" spans="1:39" ht="9.75" customHeight="1">
      <c r="A76" s="138"/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139"/>
      <c r="M76" s="139"/>
      <c r="N76" s="139"/>
      <c r="O76" s="139"/>
      <c r="P76" s="139"/>
      <c r="Q76" s="139"/>
      <c r="R76" s="139"/>
      <c r="S76" s="139"/>
      <c r="T76" s="139"/>
      <c r="U76" s="139"/>
      <c r="V76" s="139"/>
      <c r="W76" s="139"/>
      <c r="X76" s="139"/>
      <c r="Y76" s="139"/>
      <c r="Z76" s="139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40"/>
    </row>
    <row r="77" spans="1:39" ht="9.75" customHeight="1">
      <c r="A77" s="138"/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139"/>
      <c r="M77" s="139"/>
      <c r="N77" s="139"/>
      <c r="O77" s="139"/>
      <c r="P77" s="139"/>
      <c r="Q77" s="139"/>
      <c r="R77" s="139"/>
      <c r="S77" s="139"/>
      <c r="T77" s="139"/>
      <c r="U77" s="139"/>
      <c r="V77" s="139"/>
      <c r="W77" s="139"/>
      <c r="X77" s="139"/>
      <c r="Y77" s="139"/>
      <c r="Z77" s="139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40"/>
    </row>
    <row r="78" spans="1:39" ht="9.75" customHeight="1">
      <c r="A78" s="138"/>
      <c r="B78" s="139"/>
      <c r="C78" s="139"/>
      <c r="D78" s="139"/>
      <c r="E78" s="139"/>
      <c r="F78" s="139"/>
      <c r="G78" s="139"/>
      <c r="H78" s="139"/>
      <c r="I78" s="139"/>
      <c r="J78" s="139"/>
      <c r="K78" s="139"/>
      <c r="L78" s="139"/>
      <c r="M78" s="139"/>
      <c r="N78" s="139"/>
      <c r="O78" s="139"/>
      <c r="P78" s="139"/>
      <c r="Q78" s="139"/>
      <c r="R78" s="139"/>
      <c r="S78" s="139"/>
      <c r="T78" s="139"/>
      <c r="U78" s="139"/>
      <c r="V78" s="139"/>
      <c r="W78" s="139"/>
      <c r="X78" s="139"/>
      <c r="Y78" s="139"/>
      <c r="Z78" s="139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40"/>
    </row>
    <row r="79" spans="1:39" ht="9.75" customHeight="1">
      <c r="A79" s="138"/>
      <c r="B79" s="139"/>
      <c r="C79" s="139"/>
      <c r="D79" s="139"/>
      <c r="E79" s="139"/>
      <c r="F79" s="139"/>
      <c r="G79" s="139"/>
      <c r="H79" s="139"/>
      <c r="I79" s="139"/>
      <c r="J79" s="139"/>
      <c r="K79" s="139"/>
      <c r="L79" s="139"/>
      <c r="M79" s="139"/>
      <c r="N79" s="139"/>
      <c r="O79" s="139"/>
      <c r="P79" s="139"/>
      <c r="Q79" s="139"/>
      <c r="R79" s="139"/>
      <c r="S79" s="139"/>
      <c r="T79" s="139"/>
      <c r="U79" s="139"/>
      <c r="V79" s="139"/>
      <c r="W79" s="139"/>
      <c r="X79" s="139"/>
      <c r="Y79" s="139"/>
      <c r="Z79" s="139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40"/>
    </row>
    <row r="80" spans="1:39" ht="9.75" customHeight="1">
      <c r="A80" s="138"/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139"/>
      <c r="M80" s="139"/>
      <c r="N80" s="139"/>
      <c r="O80" s="139"/>
      <c r="P80" s="139"/>
      <c r="Q80" s="139"/>
      <c r="R80" s="139"/>
      <c r="S80" s="139"/>
      <c r="T80" s="139"/>
      <c r="U80" s="139"/>
      <c r="V80" s="139"/>
      <c r="W80" s="139"/>
      <c r="X80" s="139"/>
      <c r="Y80" s="139"/>
      <c r="Z80" s="139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40"/>
    </row>
    <row r="81" spans="1:39" ht="9.75" customHeight="1">
      <c r="A81" s="138"/>
      <c r="B81" s="139"/>
      <c r="C81" s="139"/>
      <c r="D81" s="139"/>
      <c r="E81" s="139"/>
      <c r="F81" s="139"/>
      <c r="G81" s="139"/>
      <c r="H81" s="139"/>
      <c r="I81" s="139"/>
      <c r="J81" s="139"/>
      <c r="K81" s="139"/>
      <c r="L81" s="139"/>
      <c r="M81" s="139"/>
      <c r="N81" s="139"/>
      <c r="O81" s="139"/>
      <c r="P81" s="139"/>
      <c r="Q81" s="139"/>
      <c r="R81" s="139"/>
      <c r="S81" s="139"/>
      <c r="T81" s="139"/>
      <c r="U81" s="139"/>
      <c r="V81" s="139"/>
      <c r="W81" s="139"/>
      <c r="X81" s="139"/>
      <c r="Y81" s="139"/>
      <c r="Z81" s="139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40"/>
    </row>
    <row r="82" spans="1:39" ht="9.75" customHeight="1">
      <c r="A82" s="138"/>
      <c r="B82" s="139"/>
      <c r="C82" s="139"/>
      <c r="D82" s="139"/>
      <c r="E82" s="139"/>
      <c r="F82" s="139"/>
      <c r="G82" s="139"/>
      <c r="H82" s="139"/>
      <c r="I82" s="139"/>
      <c r="J82" s="139"/>
      <c r="K82" s="139"/>
      <c r="L82" s="139"/>
      <c r="M82" s="139"/>
      <c r="N82" s="139"/>
      <c r="O82" s="139"/>
      <c r="P82" s="139"/>
      <c r="Q82" s="139"/>
      <c r="R82" s="139"/>
      <c r="S82" s="139"/>
      <c r="T82" s="139"/>
      <c r="U82" s="139"/>
      <c r="V82" s="139"/>
      <c r="W82" s="139"/>
      <c r="X82" s="139"/>
      <c r="Y82" s="139"/>
      <c r="Z82" s="139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40"/>
    </row>
    <row r="83" spans="1:39" ht="9.75" customHeight="1">
      <c r="A83" s="138"/>
      <c r="B83" s="139"/>
      <c r="C83" s="139"/>
      <c r="D83" s="139"/>
      <c r="E83" s="139"/>
      <c r="F83" s="139"/>
      <c r="G83" s="139"/>
      <c r="H83" s="139"/>
      <c r="I83" s="139"/>
      <c r="J83" s="139"/>
      <c r="K83" s="139"/>
      <c r="L83" s="139"/>
      <c r="M83" s="139"/>
      <c r="N83" s="139"/>
      <c r="O83" s="139"/>
      <c r="P83" s="139"/>
      <c r="Q83" s="139"/>
      <c r="R83" s="139"/>
      <c r="S83" s="139"/>
      <c r="T83" s="139"/>
      <c r="U83" s="139"/>
      <c r="V83" s="139"/>
      <c r="W83" s="139"/>
      <c r="X83" s="139"/>
      <c r="Y83" s="139"/>
      <c r="Z83" s="139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40"/>
    </row>
    <row r="84" spans="1:39" ht="9.75" customHeight="1">
      <c r="A84" s="138"/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139"/>
      <c r="M84" s="139"/>
      <c r="N84" s="139"/>
      <c r="O84" s="139"/>
      <c r="P84" s="139"/>
      <c r="Q84" s="139"/>
      <c r="R84" s="139"/>
      <c r="S84" s="139"/>
      <c r="T84" s="139"/>
      <c r="U84" s="139"/>
      <c r="V84" s="139"/>
      <c r="W84" s="139"/>
      <c r="X84" s="139"/>
      <c r="Y84" s="139"/>
      <c r="Z84" s="139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40"/>
    </row>
    <row r="85" spans="1:39" ht="9.75" customHeight="1">
      <c r="A85" s="141"/>
      <c r="B85" s="142"/>
      <c r="C85" s="142"/>
      <c r="D85" s="142"/>
      <c r="E85" s="142"/>
      <c r="F85" s="142"/>
      <c r="G85" s="142"/>
      <c r="H85" s="142"/>
      <c r="I85" s="142"/>
      <c r="J85" s="142"/>
      <c r="K85" s="142"/>
      <c r="L85" s="142"/>
      <c r="M85" s="142"/>
      <c r="N85" s="142"/>
      <c r="O85" s="142"/>
      <c r="P85" s="142"/>
      <c r="Q85" s="142"/>
      <c r="R85" s="142"/>
      <c r="S85" s="142"/>
      <c r="T85" s="142"/>
      <c r="U85" s="142"/>
      <c r="V85" s="142"/>
      <c r="W85" s="142"/>
      <c r="X85" s="142"/>
      <c r="Y85" s="142"/>
      <c r="Z85" s="142"/>
      <c r="AA85" s="142"/>
      <c r="AB85" s="142"/>
      <c r="AC85" s="142"/>
      <c r="AD85" s="142"/>
      <c r="AE85" s="142"/>
      <c r="AF85" s="142"/>
      <c r="AG85" s="142"/>
      <c r="AH85" s="142"/>
      <c r="AI85" s="142"/>
      <c r="AJ85" s="142"/>
      <c r="AK85" s="142"/>
      <c r="AL85" s="142"/>
      <c r="AM85" s="143"/>
    </row>
  </sheetData>
  <mergeCells count="47">
    <mergeCell ref="A54:F54"/>
    <mergeCell ref="X5:AM9"/>
    <mergeCell ref="G6:H9"/>
    <mergeCell ref="I6:J9"/>
    <mergeCell ref="K6:K9"/>
    <mergeCell ref="L6:L9"/>
    <mergeCell ref="N6:Q6"/>
    <mergeCell ref="N7:O9"/>
    <mergeCell ref="P7:Q9"/>
    <mergeCell ref="B11:B13"/>
    <mergeCell ref="A11:A13"/>
    <mergeCell ref="D14:D16"/>
    <mergeCell ref="C14:C16"/>
    <mergeCell ref="D23:D25"/>
    <mergeCell ref="C23:C25"/>
    <mergeCell ref="D32:D34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C32:C34"/>
    <mergeCell ref="D38:D40"/>
    <mergeCell ref="C38:C40"/>
    <mergeCell ref="D44:D46"/>
    <mergeCell ref="C44:C46"/>
    <mergeCell ref="F17:F19"/>
    <mergeCell ref="E17:E19"/>
    <mergeCell ref="F26:F28"/>
    <mergeCell ref="E26:E28"/>
    <mergeCell ref="F35:F37"/>
    <mergeCell ref="E35:E37"/>
    <mergeCell ref="E41:E43"/>
    <mergeCell ref="F47:F49"/>
    <mergeCell ref="E47:E49"/>
    <mergeCell ref="F50:F52"/>
    <mergeCell ref="E50:E52"/>
    <mergeCell ref="O20:O22"/>
    <mergeCell ref="N20:N22"/>
    <mergeCell ref="O29:O31"/>
    <mergeCell ref="N29:N31"/>
    <mergeCell ref="F41:F43"/>
  </mergeCells>
  <phoneticPr fontId="1"/>
  <pageMargins left="0.43307086614173229" right="0.39370078740157483" top="0.19685039370078741" bottom="0" header="0.19685039370078741" footer="0.19685039370078741"/>
  <pageSetup paperSize="9" firstPageNumber="238" pageOrder="overThenDown" orientation="portrait" useFirstPageNumber="1" r:id="rId1"/>
  <headerFooter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4</vt:i4>
      </vt:variant>
      <vt:variant>
        <vt:lpstr>名前付き一覧</vt:lpstr>
      </vt:variant>
      <vt:variant>
        <vt:i4>34</vt:i4>
      </vt:variant>
    </vt:vector>
  </HeadingPairs>
  <TitlesOfParts>
    <vt:vector size="68" baseType="lpstr">
      <vt:lpstr>市町村自治振興事業会計（歳入）</vt:lpstr>
      <vt:lpstr>市町村自治振興事業会計（歳出）</vt:lpstr>
      <vt:lpstr>公債管理特別会計（歳入）</vt:lpstr>
      <vt:lpstr>公債管理特別会計（歳出）</vt:lpstr>
      <vt:lpstr>公営競技収益配分金等管理会計（歳入）</vt:lpstr>
      <vt:lpstr>公営競技収益配分金等管理会計（歳出）</vt:lpstr>
      <vt:lpstr>地方消費税清算会計（歳入）</vt:lpstr>
      <vt:lpstr>地方消費税清算会計（歳出）</vt:lpstr>
      <vt:lpstr>災害救助基金会計（歳入）</vt:lpstr>
      <vt:lpstr>災害救助基金会計（歳出）</vt:lpstr>
      <vt:lpstr>農業改良資金会計（歳入）</vt:lpstr>
      <vt:lpstr>農業改良資金会計（歳出）</vt:lpstr>
      <vt:lpstr>恩賜記念林業振興資金会計（歳入）</vt:lpstr>
      <vt:lpstr>恩賜記念林業振興資金会計（歳出）</vt:lpstr>
      <vt:lpstr>林業改善資金会計(歳入）</vt:lpstr>
      <vt:lpstr>林業改善資金会計（歳出）</vt:lpstr>
      <vt:lpstr>水源環境保全・再生事業会計（歳入）</vt:lpstr>
      <vt:lpstr>水源環境保全・再生事業会計（歳出）</vt:lpstr>
      <vt:lpstr>沿岸漁業改善資金会計(歳入）</vt:lpstr>
      <vt:lpstr>沿岸漁業改善資金会計（歳出）</vt:lpstr>
      <vt:lpstr>介護保険財政安定化基金会計(歳入）</vt:lpstr>
      <vt:lpstr>介護保険財政安定化基金会計（歳出）</vt:lpstr>
      <vt:lpstr>母子父子寡婦福祉資金会計（歳入）</vt:lpstr>
      <vt:lpstr>母子父子寡婦福祉資金会計(歳出）</vt:lpstr>
      <vt:lpstr>国民健康保険事業会計(歳入）</vt:lpstr>
      <vt:lpstr>国民健康保険事業会計（歳出）</vt:lpstr>
      <vt:lpstr>神奈川県立病院機構資資金会計（歳入）</vt:lpstr>
      <vt:lpstr>神奈川県立病院機構資金会計（歳出）</vt:lpstr>
      <vt:lpstr>中小企業資金会計(歳入）</vt:lpstr>
      <vt:lpstr>中小企業資金会計（歳出）</vt:lpstr>
      <vt:lpstr>流域下水道事業会計(歳入）</vt:lpstr>
      <vt:lpstr>流域下水道事業会計（歳出）</vt:lpstr>
      <vt:lpstr>県営住宅管理事業会計(歳入）</vt:lpstr>
      <vt:lpstr>県営住宅管理事業会計(歳出）</vt:lpstr>
      <vt:lpstr>'沿岸漁業改善資金会計（歳出）'!Print_Area</vt:lpstr>
      <vt:lpstr>'沿岸漁業改善資金会計(歳入）'!Print_Area</vt:lpstr>
      <vt:lpstr>'恩賜記念林業振興資金会計（歳出）'!Print_Area</vt:lpstr>
      <vt:lpstr>'恩賜記念林業振興資金会計（歳入）'!Print_Area</vt:lpstr>
      <vt:lpstr>'介護保険財政安定化基金会計（歳出）'!Print_Area</vt:lpstr>
      <vt:lpstr>'介護保険財政安定化基金会計(歳入）'!Print_Area</vt:lpstr>
      <vt:lpstr>'県営住宅管理事業会計(歳出）'!Print_Area</vt:lpstr>
      <vt:lpstr>'県営住宅管理事業会計(歳入）'!Print_Area</vt:lpstr>
      <vt:lpstr>'公営競技収益配分金等管理会計（歳出）'!Print_Area</vt:lpstr>
      <vt:lpstr>'公営競技収益配分金等管理会計（歳入）'!Print_Area</vt:lpstr>
      <vt:lpstr>'公債管理特別会計（歳出）'!Print_Area</vt:lpstr>
      <vt:lpstr>'公債管理特別会計（歳入）'!Print_Area</vt:lpstr>
      <vt:lpstr>'国民健康保険事業会計（歳出）'!Print_Area</vt:lpstr>
      <vt:lpstr>'国民健康保険事業会計(歳入）'!Print_Area</vt:lpstr>
      <vt:lpstr>'災害救助基金会計（歳出）'!Print_Area</vt:lpstr>
      <vt:lpstr>'災害救助基金会計（歳入）'!Print_Area</vt:lpstr>
      <vt:lpstr>'市町村自治振興事業会計（歳出）'!Print_Area</vt:lpstr>
      <vt:lpstr>'市町村自治振興事業会計（歳入）'!Print_Area</vt:lpstr>
      <vt:lpstr>'神奈川県立病院機構資金会計（歳出）'!Print_Area</vt:lpstr>
      <vt:lpstr>'神奈川県立病院機構資資金会計（歳入）'!Print_Area</vt:lpstr>
      <vt:lpstr>'水源環境保全・再生事業会計（歳出）'!Print_Area</vt:lpstr>
      <vt:lpstr>'水源環境保全・再生事業会計（歳入）'!Print_Area</vt:lpstr>
      <vt:lpstr>'地方消費税清算会計（歳出）'!Print_Area</vt:lpstr>
      <vt:lpstr>'地方消費税清算会計（歳入）'!Print_Area</vt:lpstr>
      <vt:lpstr>'中小企業資金会計（歳出）'!Print_Area</vt:lpstr>
      <vt:lpstr>'中小企業資金会計(歳入）'!Print_Area</vt:lpstr>
      <vt:lpstr>'農業改良資金会計（歳出）'!Print_Area</vt:lpstr>
      <vt:lpstr>'農業改良資金会計（歳入）'!Print_Area</vt:lpstr>
      <vt:lpstr>'母子父子寡婦福祉資金会計(歳出）'!Print_Area</vt:lpstr>
      <vt:lpstr>'母子父子寡婦福祉資金会計（歳入）'!Print_Area</vt:lpstr>
      <vt:lpstr>'流域下水道事業会計（歳出）'!Print_Area</vt:lpstr>
      <vt:lpstr>'流域下水道事業会計(歳入）'!Print_Area</vt:lpstr>
      <vt:lpstr>'林業改善資金会計（歳出）'!Print_Area</vt:lpstr>
      <vt:lpstr>'林業改善資金会計(歳入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園部</dc:creator>
  <cp:lastModifiedBy>園部</cp:lastModifiedBy>
  <cp:lastPrinted>2019-07-19T01:05:33Z</cp:lastPrinted>
  <dcterms:created xsi:type="dcterms:W3CDTF">2019-07-04T06:19:34Z</dcterms:created>
  <dcterms:modified xsi:type="dcterms:W3CDTF">2019-11-28T01:10:36Z</dcterms:modified>
</cp:coreProperties>
</file>